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queryTables/queryTable1.xml" ContentType="application/vnd.openxmlformats-officedocument.spreadsheetml.queryTable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530"/>
  <workbookPr/>
  <mc:AlternateContent xmlns:mc="http://schemas.openxmlformats.org/markup-compatibility/2006">
    <mc:Choice Requires="x15">
      <x15ac:absPath xmlns:x15ac="http://schemas.microsoft.com/office/spreadsheetml/2010/11/ac" url="C:\Users\s802327\Downloads\"/>
    </mc:Choice>
  </mc:AlternateContent>
  <xr:revisionPtr revIDLastSave="0" documentId="8_{362FEFC5-8498-4B95-B7D3-F615948EB301}" xr6:coauthVersionLast="47" xr6:coauthVersionMax="47" xr10:uidLastSave="{00000000-0000-0000-0000-000000000000}"/>
  <bookViews>
    <workbookView xWindow="-120" yWindow="-120" windowWidth="25440" windowHeight="15270" xr2:uid="{9B99EF12-052B-47FF-8776-86054913E9AE}"/>
  </bookViews>
  <sheets>
    <sheet name="Contracts" sheetId="1" r:id="rId1"/>
  </sheets>
  <definedNames>
    <definedName name="query__38" localSheetId="0" hidden="1">Contracts!$A$1:$L$135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8ED5EEE6-5FBF-49A4-B858-D6368D8FCEBD}" odcFile="C:\Users\S920190\Downloads\query (38).iqy" keepAlive="1" name="query (38)" type="5" refreshedVersion="8" minRefreshableVersion="3" saveData="1">
    <dbPr connection="Provider=Microsoft.Office.List.OLEDB.2.0;Data Source=&quot;&quot;;ApplicationName=Excel;Version=12.0.0.0" command="&lt;LIST&gt;&lt;VIEWGUID&gt;A1F49B6C-01CC-4330-95AD-F73F5EA38545&lt;/VIEWGUID&gt;&lt;LISTNAME&gt;db92bb24-93d9-4b11-be5b-4b09e3deccb7&lt;/LISTNAME&gt;&lt;LISTWEB&gt;https://scottish4.sharepoint.com/sites/corp-contract/_vti_bin&lt;/LISTWEB&gt;&lt;LISTSUBWEB&gt;&lt;/LISTSUBWEB&gt;&lt;ROOTFOLDER&gt;&lt;/ROOTFOLDER&gt;&lt;/LIST&gt;" commandType="5"/>
  </connection>
</connections>
</file>

<file path=xl/sharedStrings.xml><?xml version="1.0" encoding="utf-8"?>
<sst xmlns="http://schemas.openxmlformats.org/spreadsheetml/2006/main" count="1080" uniqueCount="686">
  <si>
    <t>Business Area</t>
  </si>
  <si>
    <t>Title</t>
  </si>
  <si>
    <t>Contract Reference</t>
  </si>
  <si>
    <t>Supplier</t>
  </si>
  <si>
    <t>Award Date</t>
  </si>
  <si>
    <t>Start Date</t>
  </si>
  <si>
    <t>Optional Extensions</t>
  </si>
  <si>
    <t>End Date</t>
  </si>
  <si>
    <t>Estimated Total Value</t>
  </si>
  <si>
    <t>Expenditure To Date</t>
  </si>
  <si>
    <t>Description</t>
  </si>
  <si>
    <t>Framework Authority</t>
  </si>
  <si>
    <t>Allowances</t>
  </si>
  <si>
    <t>Accessibility Notification Application</t>
  </si>
  <si>
    <t>ICT-SER-126</t>
  </si>
  <si>
    <t>Neatebox t/a WelcoMe</t>
  </si>
  <si>
    <t>None</t>
  </si>
  <si>
    <t>£960.00</t>
  </si>
  <si>
    <t>Provision of an accessibility notification application to assist disabled visitors</t>
  </si>
  <si>
    <t>Expenses System</t>
  </si>
  <si>
    <t>ICT-SER-113</t>
  </si>
  <si>
    <t>Civica UK Limited</t>
  </si>
  <si>
    <t>7 years</t>
  </si>
  <si>
    <t>£106,193.74</t>
  </si>
  <si>
    <t>Provision, hosting, support and maintenance of an expense recording system</t>
  </si>
  <si>
    <t>MSP Travel and Expenses Publication Solution Development Services</t>
  </si>
  <si>
    <t>NIC-SER-408</t>
  </si>
  <si>
    <t>Horisk Leslie Development Ltd</t>
  </si>
  <si>
    <t>10 years</t>
  </si>
  <si>
    <t>£46,275.00</t>
  </si>
  <si>
    <t>provision of services to develop, implement, host and maintain a solution for the publication of MSP travel and expenses data.</t>
  </si>
  <si>
    <t>Scottish Government Agreement</t>
  </si>
  <si>
    <t>Broadcasting</t>
  </si>
  <si>
    <t>Broadcasting Leased Internet Line 2024</t>
  </si>
  <si>
    <t>ICT-SER-129</t>
  </si>
  <si>
    <t>Vodafone Limited</t>
  </si>
  <si>
    <t>24 months</t>
  </si>
  <si>
    <t>£6,436.71</t>
  </si>
  <si>
    <t>Provision of a leased internet line for resilience</t>
  </si>
  <si>
    <t>Crown Commercial Service Agreement</t>
  </si>
  <si>
    <t>Broadcasting Systems Integration and Equipment Framework</t>
  </si>
  <si>
    <t>NIC-GS-120</t>
  </si>
  <si>
    <t>Pi Communication Ltd</t>
  </si>
  <si>
    <t>£62,914.76</t>
  </si>
  <si>
    <t>Provision of specialist broadcasting systems integration, design and maintenance services, including the provision of equipment.</t>
  </si>
  <si>
    <t>dB Broadcast Ltd</t>
  </si>
  <si>
    <t>£0</t>
  </si>
  <si>
    <t>ES Broadcast Ltd</t>
  </si>
  <si>
    <t>Independent Project Engineering Ltd</t>
  </si>
  <si>
    <t>Digital Video and Audio Recording, Storing and Archiving System</t>
  </si>
  <si>
    <t>ICT-GS-74</t>
  </si>
  <si>
    <t>Arbor Media B.V.</t>
  </si>
  <si>
    <t>£484,463.00</t>
  </si>
  <si>
    <t>Archive storage for Digital video and audio recording system</t>
  </si>
  <si>
    <t>Upgrade to Internal Television System</t>
  </si>
  <si>
    <t>NIC-GS-83</t>
  </si>
  <si>
    <t>Techex Ltd</t>
  </si>
  <si>
    <t>£6,125.56</t>
  </si>
  <si>
    <t>Installation of electronic programme guide and upgrade to HD</t>
  </si>
  <si>
    <t>Video Storage and Archiving</t>
  </si>
  <si>
    <t>NIC-SER-401</t>
  </si>
  <si>
    <t>Moving Image Archive t/a National Library of Scotland</t>
  </si>
  <si>
    <t>2 years</t>
  </si>
  <si>
    <t>£6,122.91</t>
  </si>
  <si>
    <t>Long term archival storage of broadcast footage of proceedings, in original formats.</t>
  </si>
  <si>
    <t>Webcasting Services 2021</t>
  </si>
  <si>
    <t>ICT-SER-119</t>
  </si>
  <si>
    <t>Vualto Ltd</t>
  </si>
  <si>
    <t>£423,619.68</t>
  </si>
  <si>
    <t>provision of webcasting services such as live streaming and video on demand</t>
  </si>
  <si>
    <t>Business Information Technology</t>
  </si>
  <si>
    <t>Case Management System</t>
  </si>
  <si>
    <t>ICT-GS-82A</t>
  </si>
  <si>
    <t>Softcat (UK) PLC</t>
  </si>
  <si>
    <t>12 months</t>
  </si>
  <si>
    <t>£239,603.48</t>
  </si>
  <si>
    <t>Provision of a Case Management System</t>
  </si>
  <si>
    <t>Desktop Client Devices 2023</t>
  </si>
  <si>
    <t>ICT-GDS-54</t>
  </si>
  <si>
    <t>HP Inc UK Limited</t>
  </si>
  <si>
    <t>1 x 12 months</t>
  </si>
  <si>
    <t>£510.52</t>
  </si>
  <si>
    <t>Provision of desktop client devices</t>
  </si>
  <si>
    <t>Digital Operating Model Review</t>
  </si>
  <si>
    <t>SPCB0506</t>
  </si>
  <si>
    <t>Public Digital Limited</t>
  </si>
  <si>
    <t>Provision of digital model review services</t>
  </si>
  <si>
    <t>Digital Services</t>
  </si>
  <si>
    <t>ICT-SER-100b</t>
  </si>
  <si>
    <t>Leidos Innovations UK Ltd</t>
  </si>
  <si>
    <t>£13,377,781.60</t>
  </si>
  <si>
    <t>Provision of IT support services</t>
  </si>
  <si>
    <t>Domain Names and Associated Services</t>
  </si>
  <si>
    <t>ICT-SER-108</t>
  </si>
  <si>
    <t>Hostworld Internet Limited</t>
  </si>
  <si>
    <t>on going</t>
  </si>
  <si>
    <t>£17,154.51</t>
  </si>
  <si>
    <t>Provision of domain names and associated services</t>
  </si>
  <si>
    <t>Enhancement of Mobile Signals</t>
  </si>
  <si>
    <t>ICT-SER-62</t>
  </si>
  <si>
    <t>WIG Indoor Networks Ltd</t>
  </si>
  <si>
    <t>£50,000.00</t>
  </si>
  <si>
    <t>Enhancement of mobile signals throughout Holyrood.</t>
  </si>
  <si>
    <t>Helpdesk System</t>
  </si>
  <si>
    <t>ICT-GS-32</t>
  </si>
  <si>
    <t>IFS UK Ltd</t>
  </si>
  <si>
    <t>£1,242,711.23</t>
  </si>
  <si>
    <t>Helpdesk system software and support</t>
  </si>
  <si>
    <t>IT Peripherals and Infrastructure 2022</t>
  </si>
  <si>
    <t>ICT-GDS-52</t>
  </si>
  <si>
    <t>Computacenter (UK) Ltd</t>
  </si>
  <si>
    <t>£132,000.96</t>
  </si>
  <si>
    <t>provision of General Peripherals, Audio-Visual; Print; and Networking equipment.</t>
  </si>
  <si>
    <t>Mobile Client Device 2025</t>
  </si>
  <si>
    <t>SPCB0509</t>
  </si>
  <si>
    <t>HP Inc. UK Limited</t>
  </si>
  <si>
    <t>provision of mobile devices</t>
  </si>
  <si>
    <t>Mobile Voice and Data Services 2023</t>
  </si>
  <si>
    <t>ICT-GS-100</t>
  </si>
  <si>
    <t>1 year</t>
  </si>
  <si>
    <t>£25,152.72</t>
  </si>
  <si>
    <t>Procvision of mobile voice and data services and equipment</t>
  </si>
  <si>
    <t>Offsite Records Storage 2017</t>
  </si>
  <si>
    <t>NIC-SER-387</t>
  </si>
  <si>
    <t>Restore Document Management</t>
  </si>
  <si>
    <t>£44,919.08</t>
  </si>
  <si>
    <t>Offsite records storage services</t>
  </si>
  <si>
    <t>Petitions System and Support</t>
  </si>
  <si>
    <t>ICT-GS-82B</t>
  </si>
  <si>
    <t>£255,924.79</t>
  </si>
  <si>
    <t>Delivery of new petitions system and ongoing support</t>
  </si>
  <si>
    <t>Research Services Subscription</t>
  </si>
  <si>
    <t>SPCB0464</t>
  </si>
  <si>
    <t>Gartner UK Limited</t>
  </si>
  <si>
    <t>£44,500.00</t>
  </si>
  <si>
    <t>Subscription based Research Services</t>
  </si>
  <si>
    <t>Software and Related Services 2021</t>
  </si>
  <si>
    <t>ICT-GS-82C</t>
  </si>
  <si>
    <t>£5,258,261.10</t>
  </si>
  <si>
    <t>provision of software and related services</t>
  </si>
  <si>
    <t>Technology Products and Associated Services</t>
  </si>
  <si>
    <t>SPCB0503</t>
  </si>
  <si>
    <t>Various</t>
  </si>
  <si>
    <t>none</t>
  </si>
  <si>
    <t>Cumulative call offs orders under CCS Technology Products framework</t>
  </si>
  <si>
    <t>Telecommunication Services 2022</t>
  </si>
  <si>
    <t>ICT-SER-122</t>
  </si>
  <si>
    <t>Virgin Media Business Ltd</t>
  </si>
  <si>
    <t>3 x 12 month</t>
  </si>
  <si>
    <t>£274,079.98</t>
  </si>
  <si>
    <t>Provision of Telecommunication services</t>
  </si>
  <si>
    <t>Web Based and Proprietary Devices 2024</t>
  </si>
  <si>
    <t>ICT-GDS-55</t>
  </si>
  <si>
    <t>XMA Limited</t>
  </si>
  <si>
    <t>12 Months</t>
  </si>
  <si>
    <t>£8,008.46</t>
  </si>
  <si>
    <t>Provision of proprietary client and tablet devices</t>
  </si>
  <si>
    <t>Chamber Office</t>
  </si>
  <si>
    <t>Hosted Lobbying Register</t>
  </si>
  <si>
    <t>ICT-SER-100c</t>
  </si>
  <si>
    <t>NEC Software Solutions</t>
  </si>
  <si>
    <t>£524,237.49</t>
  </si>
  <si>
    <t>Provision of a hosted lobbying register</t>
  </si>
  <si>
    <t>Lobbying Register System</t>
  </si>
  <si>
    <t>SPCB0471</t>
  </si>
  <si>
    <t>Fortesium Ltd</t>
  </si>
  <si>
    <t>8 years</t>
  </si>
  <si>
    <t xml:space="preserve"> Provide, host, maintain and support a lobbying register system. </t>
  </si>
  <si>
    <t xml:space="preserve">Non Government Bill Drafting Framework </t>
  </si>
  <si>
    <t>NIC-SER-465</t>
  </si>
  <si>
    <t>Tim Haddow</t>
  </si>
  <si>
    <t>£6,792.08</t>
  </si>
  <si>
    <t>Drafting Bills to give effect to proposals from MSPs or Cormmittees of the Scottish Parliament</t>
  </si>
  <si>
    <t>Non Government Bill Drafting Framework</t>
  </si>
  <si>
    <t>Brodies LLP</t>
  </si>
  <si>
    <t>£19,410.53</t>
  </si>
  <si>
    <t>William Ferrie</t>
  </si>
  <si>
    <t>£8,164.94</t>
  </si>
  <si>
    <t>Committee Office</t>
  </si>
  <si>
    <t xml:space="preserve">EU alignment Research </t>
  </si>
  <si>
    <t>CAR-RCH-20</t>
  </si>
  <si>
    <t>Ms Lisa Claire Whitten</t>
  </si>
  <si>
    <t>0</t>
  </si>
  <si>
    <t>£35,000.00</t>
  </si>
  <si>
    <t xml:space="preserve">A contract for research providing analysis of EU legislative developments in devolved policy areas </t>
  </si>
  <si>
    <t>Events and Exhibitions</t>
  </si>
  <si>
    <t>Art Handling Installation Transport and Storage</t>
  </si>
  <si>
    <t>NIC-SER-466</t>
  </si>
  <si>
    <t>Constantine Ltd</t>
  </si>
  <si>
    <t>£46,608.34</t>
  </si>
  <si>
    <t>Art Handling Services</t>
  </si>
  <si>
    <t>Display Cases and Related Services</t>
  </si>
  <si>
    <t>NIC-GDS-116</t>
  </si>
  <si>
    <t>TESS Demountable, a division of ClickNetherfield Limited</t>
  </si>
  <si>
    <t>£53,853.83</t>
  </si>
  <si>
    <t>Supply of display cases</t>
  </si>
  <si>
    <t xml:space="preserve">Exhibition Design, Build, AV and Maintenance Services  </t>
  </si>
  <si>
    <t>NIC-GS-114</t>
  </si>
  <si>
    <t>Stand Ltd</t>
  </si>
  <si>
    <t>1 x 12 Months</t>
  </si>
  <si>
    <t>£14,522.70</t>
  </si>
  <si>
    <t>Contract to provide exhibition maintenance and exhibition design, build, digital development,audio-visual and associated installation/de-rigservices.</t>
  </si>
  <si>
    <t>Picture Framing Services (2019)</t>
  </si>
  <si>
    <t>NIC-GS-104</t>
  </si>
  <si>
    <t xml:space="preserve">Edinburgh Arts </t>
  </si>
  <si>
    <t>1 X 1 year</t>
  </si>
  <si>
    <t>£4,291.25</t>
  </si>
  <si>
    <t>Picture framing services</t>
  </si>
  <si>
    <t>Facilities Management</t>
  </si>
  <si>
    <t xml:space="preserve">Audio Visual, Presentation Equipment and Associated Services </t>
  </si>
  <si>
    <t>NIC-GS-121</t>
  </si>
  <si>
    <t>Cameron Presentations Ltd</t>
  </si>
  <si>
    <t>2 x 12 months</t>
  </si>
  <si>
    <t>£143,651.25</t>
  </si>
  <si>
    <t>Beehives and Bee Management 2026</t>
  </si>
  <si>
    <t>SPCB0514</t>
  </si>
  <si>
    <t>Saskia Gavin</t>
  </si>
  <si>
    <t>36 Months</t>
  </si>
  <si>
    <t>Bee management services</t>
  </si>
  <si>
    <t>Building Energy Management System (BEMS)</t>
  </si>
  <si>
    <t>NIC-SER-486</t>
  </si>
  <si>
    <t>SSE Energy Solutions</t>
  </si>
  <si>
    <t>5 x  year</t>
  </si>
  <si>
    <t>£2,201,574.13</t>
  </si>
  <si>
    <t>Building energy management system installation and maintenance</t>
  </si>
  <si>
    <t>Building Maintenance, Mechanical and Electrical</t>
  </si>
  <si>
    <t>NIC-SER-386</t>
  </si>
  <si>
    <t>Mitie Technical Facilities Management Ltd</t>
  </si>
  <si>
    <t>£14,074,289.53</t>
  </si>
  <si>
    <t>Building services including the maintenance of mechanical and electrical assets.</t>
  </si>
  <si>
    <t>Catering and Pest Control Services</t>
  </si>
  <si>
    <t>NIC-SER-389</t>
  </si>
  <si>
    <t>Sodexo Limited</t>
  </si>
  <si>
    <t>£5,914,66.27</t>
  </si>
  <si>
    <t>Provision of catering and pest control for Holyrood</t>
  </si>
  <si>
    <t>Cleaning Services</t>
  </si>
  <si>
    <t>NIC-SER-508</t>
  </si>
  <si>
    <t xml:space="preserve">Mitie Cleaning and Environmental Services Ltd </t>
  </si>
  <si>
    <t>3x12 months</t>
  </si>
  <si>
    <t>£187,338.41</t>
  </si>
  <si>
    <t xml:space="preserve">Cleaning Services at the Scottish Parliament. </t>
  </si>
  <si>
    <t>Computer Aided Facilities Management (CAFM) System and Support</t>
  </si>
  <si>
    <t>ICT-GS-64</t>
  </si>
  <si>
    <t>MRI Software Limited (MRI)</t>
  </si>
  <si>
    <t>Ongoing</t>
  </si>
  <si>
    <t>£726,436.14</t>
  </si>
  <si>
    <t>Computer aided facilities management system and support</t>
  </si>
  <si>
    <t>Courier Services 2023</t>
  </si>
  <si>
    <t>NIC-SER-513</t>
  </si>
  <si>
    <t>Royal Mail Group Limited t/a Parcelforce Worldwide</t>
  </si>
  <si>
    <t>12</t>
  </si>
  <si>
    <t>£676.63</t>
  </si>
  <si>
    <t>Courier Services</t>
  </si>
  <si>
    <t xml:space="preserve">Creche Services </t>
  </si>
  <si>
    <t>NIC-SER-446</t>
  </si>
  <si>
    <t>Tinies UK Ltd t/a My Ohana</t>
  </si>
  <si>
    <t>£239,969.36</t>
  </si>
  <si>
    <t>On-site creche services</t>
  </si>
  <si>
    <t>Digital Radio Communications System and Associated Services</t>
  </si>
  <si>
    <t>NIC-GS-69</t>
  </si>
  <si>
    <t>Simoco EMEA Ltd</t>
  </si>
  <si>
    <t>£223,299.05</t>
  </si>
  <si>
    <t>Provision of digital radio communications system and associated services</t>
  </si>
  <si>
    <t>Franking Machine</t>
  </si>
  <si>
    <t>NIC-GS-125</t>
  </si>
  <si>
    <t>Twofold Ltd</t>
  </si>
  <si>
    <t>£7,394.77</t>
  </si>
  <si>
    <t>Provision of a franking machine</t>
  </si>
  <si>
    <t xml:space="preserve">Furniture and Associated Services at Holyrood and MSP Local Offices </t>
  </si>
  <si>
    <t>NIC-GS-122</t>
  </si>
  <si>
    <t>Flexiform Business Furniture Ltd</t>
  </si>
  <si>
    <t>£280,833.54</t>
  </si>
  <si>
    <t>General Office Supplies</t>
  </si>
  <si>
    <t>NIC-GDS-154</t>
  </si>
  <si>
    <t>Lyreco UK Ltd</t>
  </si>
  <si>
    <t>£56,184.32</t>
  </si>
  <si>
    <t xml:space="preserve">General office suplies including paper. IT consumables etc. </t>
  </si>
  <si>
    <t xml:space="preserve">Granite Property Lease </t>
  </si>
  <si>
    <t>NIC-SER-419</t>
  </si>
  <si>
    <t>JJ Land Purchases Ltd</t>
  </si>
  <si>
    <t>£8,500.00</t>
  </si>
  <si>
    <t>Lease of land</t>
  </si>
  <si>
    <t>Headed Stationery and Fulfilment Service</t>
  </si>
  <si>
    <t>NIC-GS-128</t>
  </si>
  <si>
    <t xml:space="preserve">APS Group (Scotland) Ltd </t>
  </si>
  <si>
    <t>£21,221.92</t>
  </si>
  <si>
    <t>Printing of personalised office stationery and annual reports/newsletters</t>
  </si>
  <si>
    <t>High Level Building Maintenance</t>
  </si>
  <si>
    <t>NIC-SER-510</t>
  </si>
  <si>
    <t>TRAC International Ltd</t>
  </si>
  <si>
    <t>60 Months</t>
  </si>
  <si>
    <t>Provision of internal and external building fabric and landscape maintenance.</t>
  </si>
  <si>
    <t>Hire of Gym Equipment and Related Services</t>
  </si>
  <si>
    <t>NIC-GS-118</t>
  </si>
  <si>
    <t>Hire Fitness Limited</t>
  </si>
  <si>
    <t>24 Months</t>
  </si>
  <si>
    <t>£8,568.75</t>
  </si>
  <si>
    <t>To supply and maintain carido gym equipment at the Scottish Parliament</t>
  </si>
  <si>
    <t xml:space="preserve">Mail Screening Services </t>
  </si>
  <si>
    <t>NIC-SER-457</t>
  </si>
  <si>
    <t>Royal Mail Group</t>
  </si>
  <si>
    <t>£319,329.43</t>
  </si>
  <si>
    <t>Meeting Room Booking System</t>
  </si>
  <si>
    <t>SPCB0493</t>
  </si>
  <si>
    <t>OfficeRnD Limited</t>
  </si>
  <si>
    <t>£34,240.80</t>
  </si>
  <si>
    <t>Provision of a meeting room booking system</t>
  </si>
  <si>
    <t>Multifunctional Devices, Maintenance Services and Associated Software</t>
  </si>
  <si>
    <t>NIC-GS-117</t>
  </si>
  <si>
    <t>Agilico (Scotland) Ltd</t>
  </si>
  <si>
    <t>£96,189.20</t>
  </si>
  <si>
    <t>Provision and maintenance of multifuctional devices and associated services</t>
  </si>
  <si>
    <t>Off-site Storage Services</t>
  </si>
  <si>
    <t>NIC-SER-417</t>
  </si>
  <si>
    <t>Len Lothian</t>
  </si>
  <si>
    <t>£222,752.26</t>
  </si>
  <si>
    <t>Off-site storage services</t>
  </si>
  <si>
    <t xml:space="preserve">Professional Property Services </t>
  </si>
  <si>
    <t>NIC-SER-498</t>
  </si>
  <si>
    <t xml:space="preserve">Lee Boyd Ltd </t>
  </si>
  <si>
    <t>60</t>
  </si>
  <si>
    <t>£560,309.78</t>
  </si>
  <si>
    <t xml:space="preserve">Service to provide professional property advice and consultancy to the Scottish Parliament </t>
  </si>
  <si>
    <t>Recycling and Waste Management Services</t>
  </si>
  <si>
    <t>NIC-SER-517</t>
  </si>
  <si>
    <t>Change Waste Recycling</t>
  </si>
  <si>
    <t>Recycling and waste management services</t>
  </si>
  <si>
    <t>Removal Services 2025</t>
  </si>
  <si>
    <t>NIC-SER-515</t>
  </si>
  <si>
    <t>Kwikshift European Transportation and Logistics Ltd</t>
  </si>
  <si>
    <t>36 months</t>
  </si>
  <si>
    <t>Office removal and relocation services</t>
  </si>
  <si>
    <t xml:space="preserve">Supply of Electricity </t>
  </si>
  <si>
    <t>NIC-GDS-156</t>
  </si>
  <si>
    <t>EDF Energy</t>
  </si>
  <si>
    <t>3 x 12 months</t>
  </si>
  <si>
    <t>£1,086,540.85</t>
  </si>
  <si>
    <t>Supply of Electricity</t>
  </si>
  <si>
    <t>Supply of Natural Gas</t>
  </si>
  <si>
    <t>SPCB0498</t>
  </si>
  <si>
    <t>TotalEnergies Gas &amp; Power Limited</t>
  </si>
  <si>
    <t>£172,067.00</t>
  </si>
  <si>
    <t>Taxi Services 2023</t>
  </si>
  <si>
    <t>NIC-SER-490</t>
  </si>
  <si>
    <t>City Cabs (Edinburgh) Limited</t>
  </si>
  <si>
    <t>18 Months</t>
  </si>
  <si>
    <t>£17,661.08</t>
  </si>
  <si>
    <t>Contractor for the sourcing and booking Taxis in Edinburgh. This taxi service provision is for business use  only for MSP’s, MSP Staff, SPCB staff and SPCB supported Office Holders.</t>
  </si>
  <si>
    <t>Vehicle Hire 2024</t>
  </si>
  <si>
    <t>SPCB0474</t>
  </si>
  <si>
    <t>Enterprise Rent-A-Car Ltd</t>
  </si>
  <si>
    <t>£6,758.62</t>
  </si>
  <si>
    <t>Hire services for cars and light commercial vehicles.</t>
  </si>
  <si>
    <t>Water and Waste Water</t>
  </si>
  <si>
    <t>NIC-SER-518</t>
  </si>
  <si>
    <t>Scottish Water Business Stream Ltd</t>
  </si>
  <si>
    <t>£324,896.87</t>
  </si>
  <si>
    <t>Provision of water and waste water services.</t>
  </si>
  <si>
    <t>Workplace Services Support</t>
  </si>
  <si>
    <t>NIC-SER-511</t>
  </si>
  <si>
    <t>Sodexo Ltd</t>
  </si>
  <si>
    <t>3x12</t>
  </si>
  <si>
    <t>£69,767.92</t>
  </si>
  <si>
    <t xml:space="preserve">Workplace Services Support within the Premises for parliamentary staff, MSPs, MSP staff, journalists, guests, and visitors to the Scottish Parliament.    </t>
  </si>
  <si>
    <t>Finance</t>
  </si>
  <si>
    <t>Banking Services</t>
  </si>
  <si>
    <t>NIC-SER-494</t>
  </si>
  <si>
    <t>Royal Bank of Scotland Plc</t>
  </si>
  <si>
    <t>£1,595.29</t>
  </si>
  <si>
    <t>Provision of banking services</t>
  </si>
  <si>
    <t>Information Management and Governance</t>
  </si>
  <si>
    <t>Copyright Services</t>
  </si>
  <si>
    <t>NIC-SER-473</t>
  </si>
  <si>
    <t>The Queen's Printer for Scotland/National Archives</t>
  </si>
  <si>
    <t>£4,400.00</t>
  </si>
  <si>
    <t>Copyright advice services</t>
  </si>
  <si>
    <t>Internal Audit</t>
  </si>
  <si>
    <t xml:space="preserve">Auditor for Audit Scotland </t>
  </si>
  <si>
    <t>NIC-SER-470</t>
  </si>
  <si>
    <t>TC Alexander Sloan Limited t/a TC Group</t>
  </si>
  <si>
    <t>£0.00</t>
  </si>
  <si>
    <t xml:space="preserve">Internal Audit Services </t>
  </si>
  <si>
    <t>NIC-SER-464</t>
  </si>
  <si>
    <t>Grant Thornton UK LLP</t>
  </si>
  <si>
    <t>£108,448.50</t>
  </si>
  <si>
    <t>Internal Audit Services</t>
  </si>
  <si>
    <t>Office of the Presiding Officer</t>
  </si>
  <si>
    <t>Delivery of Royal Warrants</t>
  </si>
  <si>
    <t>NIC-SER-516</t>
  </si>
  <si>
    <t>Royal Mail</t>
  </si>
  <si>
    <t>£2,895.06</t>
  </si>
  <si>
    <t>Delivery service for Royal Warrants</t>
  </si>
  <si>
    <t>Executive Car Service</t>
  </si>
  <si>
    <t>NIC-SER-435</t>
  </si>
  <si>
    <t>Little's Chauffeur Drive Ltd</t>
  </si>
  <si>
    <t>£7,371.97</t>
  </si>
  <si>
    <t>Executive car service with driver</t>
  </si>
  <si>
    <t>Officeholders Services</t>
  </si>
  <si>
    <t xml:space="preserve">Independent Assessors for Officeholder Recruitment </t>
  </si>
  <si>
    <t>NIC-SER-463</t>
  </si>
  <si>
    <t>Collyer Rose Ltd</t>
  </si>
  <si>
    <t>£19,487.29</t>
  </si>
  <si>
    <t>Provide an independant assessor to assist MSPs throughout the recruitment process for Officeholders</t>
  </si>
  <si>
    <t>Officeholder Evaluations 2023</t>
  </si>
  <si>
    <t>NIC-SER-505</t>
  </si>
  <si>
    <t>Rt Hon Ken MacIntosh</t>
  </si>
  <si>
    <t>£21,549.05</t>
  </si>
  <si>
    <t>To conduct annual evaluations of each of the Officeholders</t>
  </si>
  <si>
    <t>Official Report</t>
  </si>
  <si>
    <t>Official Report Production System</t>
  </si>
  <si>
    <t>ICT-SER-130</t>
  </si>
  <si>
    <t>Computacenter UK Ltd</t>
  </si>
  <si>
    <t>5 years</t>
  </si>
  <si>
    <t>Hosting, maintenance and support of a production system for the Official Report.</t>
  </si>
  <si>
    <t>Transcription Services for the Official Report</t>
  </si>
  <si>
    <t>NIC-SER-450</t>
  </si>
  <si>
    <t>Epiq Europe Ltd</t>
  </si>
  <si>
    <t>£69,899.78</t>
  </si>
  <si>
    <t>Transcription services for the Official Report</t>
  </si>
  <si>
    <t>Organisational Development</t>
  </si>
  <si>
    <t>Managed Learning</t>
  </si>
  <si>
    <t>NIC-SER-506</t>
  </si>
  <si>
    <t>Reed Learning Limited</t>
  </si>
  <si>
    <t>£119,872.00</t>
  </si>
  <si>
    <t>Provision of off-the-shelf and bespoke learning and development</t>
  </si>
  <si>
    <t>Parliament Communications Office</t>
  </si>
  <si>
    <t>Creative Services 2025</t>
  </si>
  <si>
    <t>SPCB0468</t>
  </si>
  <si>
    <t>Stand</t>
  </si>
  <si>
    <t>Emergency Messaging System</t>
  </si>
  <si>
    <t>NIC-SER-500</t>
  </si>
  <si>
    <t>Alert Cascade Limited</t>
  </si>
  <si>
    <t>£8,910.00</t>
  </si>
  <si>
    <t>To provide and emergency messaging service for the SPCB</t>
  </si>
  <si>
    <t>Image Management Software as a Service</t>
  </si>
  <si>
    <t>ICT-SER-121</t>
  </si>
  <si>
    <t>Third Light</t>
  </si>
  <si>
    <t>£21,628.45</t>
  </si>
  <si>
    <t>Storage and sharing of the Scottish Parliament's photography archive</t>
  </si>
  <si>
    <t>Media Monitoring Services</t>
  </si>
  <si>
    <t>NIC-SER-501</t>
  </si>
  <si>
    <t>Press Data Ltd</t>
  </si>
  <si>
    <t>£113,598.00</t>
  </si>
  <si>
    <t>Service to monitor and provide notifications of mentions of the Scottish Parliament in print and broadcast media.</t>
  </si>
  <si>
    <t>Media Planning and Buying 2024</t>
  </si>
  <si>
    <t>NIC-SER-512</t>
  </si>
  <si>
    <t>Republic of Media Ltd</t>
  </si>
  <si>
    <t>To provide a media planning and buying service</t>
  </si>
  <si>
    <t>News Release Distribution 2022</t>
  </si>
  <si>
    <t>NIC-SER-489</t>
  </si>
  <si>
    <t>Precise Media Monitoring Limited t/a Onclusive</t>
  </si>
  <si>
    <t>£8,624.91</t>
  </si>
  <si>
    <t>Release news to press</t>
  </si>
  <si>
    <t>Photography and Related Services</t>
  </si>
  <si>
    <t>SPCB0480</t>
  </si>
  <si>
    <t>Zoghogg Studios</t>
  </si>
  <si>
    <t xml:space="preserve">Photography services to a wide range of events </t>
  </si>
  <si>
    <t>Visitor Surveys</t>
  </si>
  <si>
    <t>SPCB0497</t>
  </si>
  <si>
    <t>Jump Research Ltd</t>
  </si>
  <si>
    <t>To analyse the data from recent visitor surveys</t>
  </si>
  <si>
    <t>Web Accessibility Audit</t>
  </si>
  <si>
    <t>SPCB0511</t>
  </si>
  <si>
    <t>Passion 4 Social CIC</t>
  </si>
  <si>
    <t>To carry out an annual audit on content samples from the Scottish Parliament website, to ensue that is accessible to all users</t>
  </si>
  <si>
    <t>Pay and Pensions</t>
  </si>
  <si>
    <t>Childcare Voucher Scheme Administration</t>
  </si>
  <si>
    <t>NIC-SER-452</t>
  </si>
  <si>
    <t>Fideliti Ltd</t>
  </si>
  <si>
    <t>48 months</t>
  </si>
  <si>
    <t>£5,500.00</t>
  </si>
  <si>
    <t>Service administering allocation and payment of vouchers for childcare</t>
  </si>
  <si>
    <t>HR, Payroll, Time and Attendance and Recruitment System</t>
  </si>
  <si>
    <t>ICT-SER-124</t>
  </si>
  <si>
    <t>6 years</t>
  </si>
  <si>
    <t>£382,783.15</t>
  </si>
  <si>
    <t>The provision, hosting and maintenance of a ready developed, integrated HR, Payroll, Time and Attendance and Recruitment services system</t>
  </si>
  <si>
    <t>Other UK Public Sector Body</t>
  </si>
  <si>
    <t>People Services</t>
  </si>
  <si>
    <t>Electronic Signatures 2025</t>
  </si>
  <si>
    <t>SPCB0494</t>
  </si>
  <si>
    <t>Legalesign Limited</t>
  </si>
  <si>
    <t>Provision of system to enable electronic signatures</t>
  </si>
  <si>
    <t>Employee Assistance Programme (2023)</t>
  </si>
  <si>
    <t>NIC-SER-488</t>
  </si>
  <si>
    <t>Spectrum Wellness UK Ltd</t>
  </si>
  <si>
    <t>£16,775.40</t>
  </si>
  <si>
    <t>Access to wellbeing services including counselling, online resources and training</t>
  </si>
  <si>
    <t>Interim Independent Workplace Investigations</t>
  </si>
  <si>
    <t>NIC-SER-479</t>
  </si>
  <si>
    <t>Andrea Adams Consultancy Ltd</t>
  </si>
  <si>
    <t>£72,274.38</t>
  </si>
  <si>
    <t>Provision of investigations to support People and Culture policies</t>
  </si>
  <si>
    <t>Occupational Health 2025</t>
  </si>
  <si>
    <t>NIC-SER-514</t>
  </si>
  <si>
    <t>Optima Health</t>
  </si>
  <si>
    <t>6 months</t>
  </si>
  <si>
    <t xml:space="preserve">To provide occupational health services to SPCB staff, MSP and MSPs staff. </t>
  </si>
  <si>
    <t>Recruitment Advertising 2024</t>
  </si>
  <si>
    <t>SPCB0473</t>
  </si>
  <si>
    <t>Penna PLC</t>
  </si>
  <si>
    <t>£15,552.16</t>
  </si>
  <si>
    <t>Specialist Finance Recruitment Services March 2025</t>
  </si>
  <si>
    <t>SPCB0500</t>
  </si>
  <si>
    <t>Livingston James Ltd</t>
  </si>
  <si>
    <t>£3,000.00</t>
  </si>
  <si>
    <t>Provision of specialist finance recruitment services</t>
  </si>
  <si>
    <t>Specialist Occupational Health Services</t>
  </si>
  <si>
    <t>SPCB0477</t>
  </si>
  <si>
    <t>The Keil Centre</t>
  </si>
  <si>
    <t>24</t>
  </si>
  <si>
    <t xml:space="preserve">To provide specialist occupational health services to SPCB staff, MSPs and MSP staff. </t>
  </si>
  <si>
    <t>Temporary and Interim Staff Services</t>
  </si>
  <si>
    <t>NIC-SER-504</t>
  </si>
  <si>
    <t>ASA Recruitment</t>
  </si>
  <si>
    <t>£123,691.39</t>
  </si>
  <si>
    <t>Provision of staff (Admin, It, Professional)</t>
  </si>
  <si>
    <t>Harvey Nash Scotland</t>
  </si>
  <si>
    <t>£381,895.42</t>
  </si>
  <si>
    <t>Provision of staff (IT, Professional)</t>
  </si>
  <si>
    <t>Lorien Resourcing Ltd</t>
  </si>
  <si>
    <t>£452,773.94</t>
  </si>
  <si>
    <t>Provision of staff (IT)</t>
  </si>
  <si>
    <t>Venesky-Brown Recruitment Ltd</t>
  </si>
  <si>
    <t>£477,064.76</t>
  </si>
  <si>
    <t>Blue Arrow Ltd</t>
  </si>
  <si>
    <t>£64,207.00</t>
  </si>
  <si>
    <t>Provision of staff (Admin)</t>
  </si>
  <si>
    <t>Brightwork Ltd</t>
  </si>
  <si>
    <t>£456.50</t>
  </si>
  <si>
    <t>Procurement Services</t>
  </si>
  <si>
    <t>Credit Checking Facility</t>
  </si>
  <si>
    <t>NIC-SER-347</t>
  </si>
  <si>
    <t>Credit Safe</t>
  </si>
  <si>
    <t>£16,249</t>
  </si>
  <si>
    <t>Access to credit checks</t>
  </si>
  <si>
    <t>Public Engagement</t>
  </si>
  <si>
    <t xml:space="preserve">British Sign Language Video Production </t>
  </si>
  <si>
    <t>NIC-GS-127</t>
  </si>
  <si>
    <t>AC2.Com Productions Ltd</t>
  </si>
  <si>
    <t>£17,898.90</t>
  </si>
  <si>
    <t>Production of videos in British Sign Language</t>
  </si>
  <si>
    <t>Coach Pick Up/Drop Off Services</t>
  </si>
  <si>
    <t>NIC-SER-502</t>
  </si>
  <si>
    <t>Dynamic Earth Enterprises Ltd</t>
  </si>
  <si>
    <t>Annual</t>
  </si>
  <si>
    <t>£22,000.00</t>
  </si>
  <si>
    <t xml:space="preserve">Agreement between SPCB and Dynamic Earth Enterprises Ltd for the use of their turning circle for passenger drop off and pick up. </t>
  </si>
  <si>
    <t>Easy Read, Braille, and Other Alternative Formats Document Production</t>
  </si>
  <si>
    <t>NIC-GS-113</t>
  </si>
  <si>
    <t>A2i Transcription Services Ltd</t>
  </si>
  <si>
    <t>£11,012.45</t>
  </si>
  <si>
    <t>Transcribe documents from standard written English into various alternative fomrats which can be produced electroniclly, printed, recorded, or other hard copy formats</t>
  </si>
  <si>
    <t>Electronic Mail Distribution 2021</t>
  </si>
  <si>
    <t>ICT-SER-117</t>
  </si>
  <si>
    <t>Ingenuity Digital Limited</t>
  </si>
  <si>
    <t>£23,387.53</t>
  </si>
  <si>
    <t>A contract to produce and issue newsletter style emails and host subscibers details and preferences</t>
  </si>
  <si>
    <t>Electronic Point of Sale System</t>
  </si>
  <si>
    <t>ICT-GS-35</t>
  </si>
  <si>
    <t>Lapsley Ltd</t>
  </si>
  <si>
    <t>£42,524.00</t>
  </si>
  <si>
    <t>Electronic till equipment and software.</t>
  </si>
  <si>
    <t>Electronic Ticketing System 2024</t>
  </si>
  <si>
    <t>ICT-GS-102</t>
  </si>
  <si>
    <t>Citizen Ticket Ltd</t>
  </si>
  <si>
    <t>£16,950.00</t>
  </si>
  <si>
    <t>To provide e-ticketing services to Public Engagement Services</t>
  </si>
  <si>
    <t>Gaelic Translation Services (2024)</t>
  </si>
  <si>
    <t>NIC-SER-519</t>
  </si>
  <si>
    <t>Global Language Services Ltd</t>
  </si>
  <si>
    <t>£3,468.50</t>
  </si>
  <si>
    <t>Gaelic Translation Services</t>
  </si>
  <si>
    <t>Interpreting, Translation and Transcription Services 2022</t>
  </si>
  <si>
    <t>NIC-SER-478</t>
  </si>
  <si>
    <t>Global Connections (Scotland) Ltd</t>
  </si>
  <si>
    <t>£13,538.75</t>
  </si>
  <si>
    <t>Interpreting, translation and transcription services</t>
  </si>
  <si>
    <t>Provision of Whisky for Resale</t>
  </si>
  <si>
    <t>NIC-GDS-142</t>
  </si>
  <si>
    <t>Own Label Scotland Ltd</t>
  </si>
  <si>
    <t>£42,536.17</t>
  </si>
  <si>
    <t>Provision of whisky for resale in the Parliament shop</t>
  </si>
  <si>
    <t>Retail Books and Maps</t>
  </si>
  <si>
    <t>SPCB0505</t>
  </si>
  <si>
    <t>Rhodawn Ltd T/A Bookspeed and Lomond Books</t>
  </si>
  <si>
    <t>2 Years</t>
  </si>
  <si>
    <t>Retail Branded Souvenirs 2023</t>
  </si>
  <si>
    <t>NIC-GDS-155</t>
  </si>
  <si>
    <t xml:space="preserve">Merchr Limited t/a The Souvenir Collection </t>
  </si>
  <si>
    <t>£8,021.50</t>
  </si>
  <si>
    <t xml:space="preserve">Provision to stock branded souvenirs in Parliament shop </t>
  </si>
  <si>
    <t>Sign Language Interpretation and Associated Services 2021</t>
  </si>
  <si>
    <t>NIC-SER-456</t>
  </si>
  <si>
    <t>Deaf Action</t>
  </si>
  <si>
    <t>£72,189.00</t>
  </si>
  <si>
    <t>Provision of sign language interpretation and associated services</t>
  </si>
  <si>
    <t>Resilience</t>
  </si>
  <si>
    <t>ResilienceTraining</t>
  </si>
  <si>
    <t>NIC-SER-485</t>
  </si>
  <si>
    <t>CHEMTREC LLC</t>
  </si>
  <si>
    <t>£82,413.00</t>
  </si>
  <si>
    <t>Design and delivery of training to support organisational resilience.</t>
  </si>
  <si>
    <t>Security</t>
  </si>
  <si>
    <t>Corporate Clothing 2022</t>
  </si>
  <si>
    <t>NIC-GS-115</t>
  </si>
  <si>
    <t>Haven Products Ltd</t>
  </si>
  <si>
    <t>£34,010.64</t>
  </si>
  <si>
    <t>Provision of corporate clothing</t>
  </si>
  <si>
    <t>ID Verification System</t>
  </si>
  <si>
    <t>ICT-GS-101</t>
  </si>
  <si>
    <t>GB Group PLC</t>
  </si>
  <si>
    <t>£4,738.00</t>
  </si>
  <si>
    <t>A service to provide an ID document verification system to maintain the robustness of security screening measures for the Scottish Parliament</t>
  </si>
  <si>
    <t>Lone Worker Protection 2022</t>
  </si>
  <si>
    <t>ICT-GS-83B</t>
  </si>
  <si>
    <t>£48,824.72</t>
  </si>
  <si>
    <t>Provision of lone worker protection devices and associated services</t>
  </si>
  <si>
    <t>Protective Vests and Associated Services 2021</t>
  </si>
  <si>
    <t>NIC-GS-112</t>
  </si>
  <si>
    <t>VestGuard UK Ltd</t>
  </si>
  <si>
    <t>5 x 12 months</t>
  </si>
  <si>
    <t>£46,930.25</t>
  </si>
  <si>
    <t>Provision of protective vests for the Security officers</t>
  </si>
  <si>
    <t>Security Rostering Consultant</t>
  </si>
  <si>
    <t>NIC-SER-421</t>
  </si>
  <si>
    <t>Crown Computing Ltd</t>
  </si>
  <si>
    <t>£37,314.70</t>
  </si>
  <si>
    <t>Consultancy services for staff rostering</t>
  </si>
  <si>
    <t xml:space="preserve">Security Screening Maintenance and Training </t>
  </si>
  <si>
    <t>NIC-SER-507</t>
  </si>
  <si>
    <t>Westminster International Ltd</t>
  </si>
  <si>
    <t>48</t>
  </si>
  <si>
    <t>£167,926.56</t>
  </si>
  <si>
    <t xml:space="preserve">A service provision to provide maintenance, technical support and training provisions for security screening equipment at the Scottish Parliament </t>
  </si>
  <si>
    <t>Security Systems Replacement and Maintenance</t>
  </si>
  <si>
    <t>ICT-GS-79</t>
  </si>
  <si>
    <t>Pointer Ltd</t>
  </si>
  <si>
    <t>£2,273,596.48</t>
  </si>
  <si>
    <t>Installation and maintenance of security systems</t>
  </si>
  <si>
    <t>Security Vetting Software</t>
  </si>
  <si>
    <t>ICT-SER-93</t>
  </si>
  <si>
    <t>IBM UK Ltd</t>
  </si>
  <si>
    <t>£461,833.68</t>
  </si>
  <si>
    <t>Access to security vetting system</t>
  </si>
  <si>
    <t>Social Media Monitoring Platform</t>
  </si>
  <si>
    <t>SPCB0489</t>
  </si>
  <si>
    <t>Ecliptic Dynamics</t>
  </si>
  <si>
    <t>£73,500.00</t>
  </si>
  <si>
    <t>Provision of a social media monitoring platform</t>
  </si>
  <si>
    <t>Solicitors Office</t>
  </si>
  <si>
    <t>Legal Services - Litigation, Reparation, Employment and Inquiries (Principal)</t>
  </si>
  <si>
    <t>NIC-SER-487</t>
  </si>
  <si>
    <t>£62,109.28</t>
  </si>
  <si>
    <t>Principal contract for the provision of legal advice in relation to litigation, reparation, employment and inquiries.</t>
  </si>
  <si>
    <t>Legal Services - One Stop Shop</t>
  </si>
  <si>
    <t>Anderson Strathern LLP</t>
  </si>
  <si>
    <t>£25,615.00</t>
  </si>
  <si>
    <t>Provision of legal advice</t>
  </si>
  <si>
    <t>SPICe</t>
  </si>
  <si>
    <t>Journals</t>
  </si>
  <si>
    <t>SPCB0476</t>
  </si>
  <si>
    <t>Prenax Ltd</t>
  </si>
  <si>
    <t>£2,189.50</t>
  </si>
  <si>
    <t xml:space="preserve">Supplying subscription of Journals to SPICe library </t>
  </si>
  <si>
    <t>Library Management System</t>
  </si>
  <si>
    <t>ICT-GS-54</t>
  </si>
  <si>
    <t>Bailey Solutions Ltd</t>
  </si>
  <si>
    <t>£95,866.80</t>
  </si>
  <si>
    <t>Provision of a library management system</t>
  </si>
  <si>
    <t>Printed Legislation</t>
  </si>
  <si>
    <t>SPCB0510</t>
  </si>
  <si>
    <t>APS Group</t>
  </si>
  <si>
    <t>Printing and delivery of legislation documents</t>
  </si>
  <si>
    <t>Sustainability</t>
  </si>
  <si>
    <t>Carbon Data Validation</t>
  </si>
  <si>
    <t>SPCB0492</t>
  </si>
  <si>
    <t>Aether Limited</t>
  </si>
  <si>
    <t>60 months</t>
  </si>
  <si>
    <t>Provision of carbon emission data validation.</t>
  </si>
  <si>
    <t>Environmental Audit and Certification Services 2022</t>
  </si>
  <si>
    <t>NIC-SER-491</t>
  </si>
  <si>
    <t>BSI Assurance UK Limited</t>
  </si>
  <si>
    <t>3 x 1 Year</t>
  </si>
  <si>
    <t>£9,576.00</t>
  </si>
  <si>
    <t>Environmental certification servic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8" formatCode="&quot;£&quot;#,##0.00;[Red]\-&quot;£&quot;#,##0.00"/>
    <numFmt numFmtId="164" formatCode="_-[$£-809]* #,##0.00_-;\-[$£-809]* #,##0.00_-;_-[$£-809]* &quot;-&quot;??_-;_-@_-"/>
    <numFmt numFmtId="165" formatCode="&quot;£&quot;#,##0.00"/>
  </numFmts>
  <fonts count="19" x14ac:knownFonts="1">
    <font>
      <sz val="12"/>
      <color theme="1"/>
      <name val="Arial"/>
      <family val="2"/>
    </font>
    <font>
      <sz val="12"/>
      <color theme="1"/>
      <name val="Arial"/>
      <family val="2"/>
    </font>
    <font>
      <sz val="18"/>
      <color theme="3"/>
      <name val="Aptos Display"/>
      <family val="2"/>
      <scheme val="major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1"/>
      <color theme="3"/>
      <name val="Arial"/>
      <family val="2"/>
    </font>
    <font>
      <sz val="12"/>
      <color rgb="FF006100"/>
      <name val="Arial"/>
      <family val="2"/>
    </font>
    <font>
      <sz val="12"/>
      <color rgb="FF9C0006"/>
      <name val="Arial"/>
      <family val="2"/>
    </font>
    <font>
      <sz val="12"/>
      <color rgb="FF9C5700"/>
      <name val="Arial"/>
      <family val="2"/>
    </font>
    <font>
      <sz val="12"/>
      <color rgb="FF3F3F76"/>
      <name val="Arial"/>
      <family val="2"/>
    </font>
    <font>
      <b/>
      <sz val="12"/>
      <color rgb="FF3F3F3F"/>
      <name val="Arial"/>
      <family val="2"/>
    </font>
    <font>
      <b/>
      <sz val="12"/>
      <color rgb="FFFA7D00"/>
      <name val="Arial"/>
      <family val="2"/>
    </font>
    <font>
      <sz val="12"/>
      <color rgb="FFFA7D00"/>
      <name val="Arial"/>
      <family val="2"/>
    </font>
    <font>
      <b/>
      <sz val="12"/>
      <color theme="0"/>
      <name val="Arial"/>
      <family val="2"/>
    </font>
    <font>
      <sz val="12"/>
      <color rgb="FFFF0000"/>
      <name val="Arial"/>
      <family val="2"/>
    </font>
    <font>
      <i/>
      <sz val="12"/>
      <color rgb="FF7F7F7F"/>
      <name val="Arial"/>
      <family val="2"/>
    </font>
    <font>
      <b/>
      <sz val="12"/>
      <color theme="1"/>
      <name val="Arial"/>
      <family val="2"/>
    </font>
    <font>
      <sz val="12"/>
      <color theme="0"/>
      <name val="Arial"/>
      <family val="2"/>
    </font>
    <font>
      <sz val="12"/>
      <color rgb="FF000000"/>
      <name val="Arial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indexed="64"/>
      </patternFill>
    </fill>
    <fill>
      <patternFill patternType="solid">
        <fgColor rgb="FFC0E6F5"/>
        <bgColor rgb="FFC0E6F5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 style="thin">
        <color rgb="FF44B3E1"/>
      </top>
      <bottom style="thin">
        <color rgb="FF44B3E1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14">
    <xf numFmtId="0" fontId="0" fillId="0" borderId="0" xfId="0"/>
    <xf numFmtId="49" fontId="0" fillId="0" borderId="0" xfId="0" applyNumberFormat="1"/>
    <xf numFmtId="14" fontId="0" fillId="0" borderId="0" xfId="0" applyNumberFormat="1"/>
    <xf numFmtId="164" fontId="0" fillId="0" borderId="0" xfId="0" applyNumberFormat="1"/>
    <xf numFmtId="49" fontId="0" fillId="33" borderId="0" xfId="0" applyNumberFormat="1" applyFill="1"/>
    <xf numFmtId="0" fontId="0" fillId="33" borderId="0" xfId="0" applyFill="1"/>
    <xf numFmtId="14" fontId="0" fillId="33" borderId="0" xfId="0" applyNumberFormat="1" applyFill="1"/>
    <xf numFmtId="164" fontId="0" fillId="33" borderId="0" xfId="0" applyNumberFormat="1" applyFill="1"/>
    <xf numFmtId="0" fontId="18" fillId="34" borderId="10" xfId="0" applyFont="1" applyFill="1" applyBorder="1"/>
    <xf numFmtId="14" fontId="18" fillId="34" borderId="10" xfId="0" applyNumberFormat="1" applyFont="1" applyFill="1" applyBorder="1"/>
    <xf numFmtId="8" fontId="18" fillId="34" borderId="10" xfId="0" applyNumberFormat="1" applyFont="1" applyFill="1" applyBorder="1"/>
    <xf numFmtId="165" fontId="0" fillId="0" borderId="0" xfId="0" applyNumberFormat="1"/>
    <xf numFmtId="165" fontId="0" fillId="33" borderId="0" xfId="0" applyNumberFormat="1" applyFill="1"/>
    <xf numFmtId="165" fontId="0" fillId="0" borderId="0" xfId="0" applyNumberFormat="1" applyAlignment="1">
      <alignment horizontal="left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11">
    <dxf>
      <numFmt numFmtId="30" formatCode="@"/>
    </dxf>
    <dxf>
      <numFmt numFmtId="30" formatCode="@"/>
      <alignment horizontal="general" vertical="bottom" textRotation="0" wrapText="0" indent="0" justifyLastLine="0" shrinkToFit="0" readingOrder="0"/>
    </dxf>
    <dxf>
      <numFmt numFmtId="30" formatCode="@"/>
      <alignment horizontal="general" vertical="bottom" textRotation="0" wrapText="0" indent="0" justifyLastLine="0" shrinkToFit="0" readingOrder="0"/>
    </dxf>
    <dxf>
      <numFmt numFmtId="164" formatCode="_-[$£-809]* #,##0.00_-;\-[$£-809]* #,##0.00_-;_-[$£-809]* &quot;-&quot;??_-;_-@_-"/>
    </dxf>
    <dxf>
      <numFmt numFmtId="19" formatCode="dd/mm/yyyy"/>
    </dxf>
    <dxf>
      <numFmt numFmtId="30" formatCode="@"/>
      <alignment horizontal="general" vertical="bottom" textRotation="0" wrapText="0" indent="0" justifyLastLine="0" shrinkToFit="0" readingOrder="0"/>
    </dxf>
    <dxf>
      <numFmt numFmtId="19" formatCode="dd/mm/yyyy"/>
    </dxf>
    <dxf>
      <numFmt numFmtId="19" formatCode="dd/mm/yyyy"/>
    </dxf>
    <dxf>
      <numFmt numFmtId="30" formatCode="@"/>
      <alignment horizontal="general" vertical="bottom" textRotation="0" wrapText="0" indent="0" justifyLastLine="0" shrinkToFit="0" readingOrder="0"/>
    </dxf>
    <dxf>
      <numFmt numFmtId="30" formatCode="@"/>
      <alignment horizontal="general" vertical="bottom" textRotation="0" wrapText="0" indent="0" justifyLastLine="0" shrinkToFit="0" readingOrder="0"/>
    </dxf>
    <dxf>
      <numFmt numFmtId="30" formatCode="@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connections" Target="connection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10" Type="http://schemas.openxmlformats.org/officeDocument/2006/relationships/customXml" Target="../customXml/item5.xml"/><Relationship Id="rId4" Type="http://schemas.openxmlformats.org/officeDocument/2006/relationships/styles" Target="styles.xml"/><Relationship Id="rId9" Type="http://schemas.openxmlformats.org/officeDocument/2006/relationships/customXml" Target="../customXml/item4.xml"/></Relationships>
</file>

<file path=xl/queryTables/queryTable1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query (38)" backgroundRefresh="0" connectionId="1" xr16:uid="{BCC53556-98CD-4255-878C-92F584EAAEC6}" autoFormatId="16" applyNumberFormats="0" applyBorderFormats="0" applyFontFormats="0" applyPatternFormats="0" applyAlignmentFormats="0" applyWidthHeightFormats="0">
  <queryTableRefresh nextId="17">
    <queryTableFields count="12">
      <queryTableField id="9" name="Business Area" tableColumnId="1"/>
      <queryTableField id="1" name="Title" tableColumnId="2"/>
      <queryTableField id="13" name="Contract Reference" tableColumnId="3"/>
      <queryTableField id="2" name="Supplier" tableColumnId="4"/>
      <queryTableField id="4" name="Award Date" tableColumnId="5"/>
      <queryTableField id="5" name="Start Date" tableColumnId="6"/>
      <queryTableField id="11" name="Optional Extensions" tableColumnId="7"/>
      <queryTableField id="6" name="End Date" tableColumnId="8"/>
      <queryTableField id="12" name="Estimated Total Value" tableColumnId="9"/>
      <queryTableField id="7" name="Expenditure To Date" tableColumnId="10"/>
      <queryTableField id="3" name="Description" tableColumnId="11"/>
      <queryTableField id="8" name="Framework Authority" tableColumnId="12"/>
    </queryTableFields>
    <queryTableDeletedFields count="4">
      <deletedField name="Contract Status"/>
      <deletedField name="Item Type"/>
      <deletedField name="Path"/>
      <deletedField name="Purchasing Manager"/>
    </queryTableDeletedFields>
  </queryTableRefresh>
</queryTable>
</file>

<file path=xl/tables/_rels/table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79DDC8B-5869-41D8-B69D-6BB07AFBF444}" name="Table_query__38" displayName="Table_query__38" ref="A1:L135" tableType="queryTable" totalsRowShown="0">
  <autoFilter ref="A1:L135" xr:uid="{079DDC8B-5869-41D8-B69D-6BB07AFBF444}"/>
  <tableColumns count="12">
    <tableColumn id="1" xr3:uid="{9EA93312-EF9C-4412-82B2-FDFCCBBD8AAD}" uniqueName="Business_x005f_x0020_Area" name="Business Area" queryTableFieldId="9" dataDxfId="10"/>
    <tableColumn id="2" xr3:uid="{0D83DBF1-685D-4F5B-A0B9-51DF13C1E448}" uniqueName="Title" name="Title" queryTableFieldId="1" dataDxfId="9"/>
    <tableColumn id="3" xr3:uid="{780FBD74-935B-455C-92BD-B5542E30F5B6}" uniqueName="Contract_x005f_x0020_Reference" name="Contract Reference" queryTableFieldId="13"/>
    <tableColumn id="4" xr3:uid="{39AF62D9-E746-406C-8315-57C18394BCB8}" uniqueName="Supplier" name="Supplier" queryTableFieldId="2" dataDxfId="8"/>
    <tableColumn id="5" xr3:uid="{C1D7B337-C3C1-4A12-8D6C-1A460911E846}" uniqueName="AwardDate" name="Award Date" queryTableFieldId="4" dataDxfId="7"/>
    <tableColumn id="6" xr3:uid="{65779025-0A43-400A-BA47-5A902F3BC224}" uniqueName="StartDate" name="Start Date" queryTableFieldId="5" dataDxfId="6"/>
    <tableColumn id="7" xr3:uid="{5C551250-3813-4C88-B308-1287D62FC0D8}" uniqueName="OptionalExtensions" name="Optional Extensions" queryTableFieldId="11" dataDxfId="5"/>
    <tableColumn id="8" xr3:uid="{3B4DB615-2C87-4DDD-BFE2-6A5A01251F1A}" uniqueName="EndDate" name="End Date" queryTableFieldId="6" dataDxfId="4"/>
    <tableColumn id="9" xr3:uid="{502D980F-C7BC-4022-94F8-070D19162E9A}" uniqueName="EstimatedTotalValue0" name="Estimated Total Value" queryTableFieldId="12" dataDxfId="3"/>
    <tableColumn id="10" xr3:uid="{B9F56052-6A84-4514-9E6F-D8F2272D4C57}" uniqueName="ExpenditureToDate" name="Expenditure To Date" queryTableFieldId="7" dataDxfId="2"/>
    <tableColumn id="11" xr3:uid="{498782FC-3233-44FD-B1B2-7C4001B0BC46}" uniqueName="Description" name="Description" queryTableFieldId="3" dataDxfId="1"/>
    <tableColumn id="12" xr3:uid="{53A8016A-1476-4B55-A710-DB9D99D15B3C}" uniqueName="WhoseFrameworkUsed0" name="Framework Authority" queryTableFieldId="8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0B27E7-D09E-42ED-A3EF-435856A076CF}">
  <dimension ref="A1:L135"/>
  <sheetViews>
    <sheetView tabSelected="1" topLeftCell="B1" zoomScale="80" zoomScaleNormal="80" workbookViewId="0">
      <selection activeCell="P100" sqref="P100"/>
    </sheetView>
  </sheetViews>
  <sheetFormatPr defaultRowHeight="15" x14ac:dyDescent="0.2"/>
  <cols>
    <col min="1" max="1" width="33.77734375" bestFit="1" customWidth="1"/>
    <col min="2" max="2" width="60.88671875" bestFit="1" customWidth="1"/>
    <col min="3" max="3" width="19.44140625" bestFit="1" customWidth="1"/>
    <col min="4" max="4" width="46.44140625" bestFit="1" customWidth="1"/>
    <col min="5" max="5" width="12.5546875" bestFit="1" customWidth="1"/>
    <col min="6" max="6" width="11.109375" bestFit="1" customWidth="1"/>
    <col min="7" max="7" width="20.109375" bestFit="1" customWidth="1"/>
    <col min="8" max="8" width="11.21875" customWidth="1"/>
    <col min="9" max="9" width="21.33203125" bestFit="1" customWidth="1"/>
    <col min="10" max="10" width="20.33203125" style="11" bestFit="1" customWidth="1"/>
    <col min="11" max="11" width="80.88671875" bestFit="1" customWidth="1"/>
    <col min="12" max="12" width="31.77734375" bestFit="1" customWidth="1"/>
  </cols>
  <sheetData>
    <row r="1" spans="1:12" x14ac:dyDescent="0.2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  <c r="H1" t="s">
        <v>7</v>
      </c>
      <c r="I1" s="11" t="s">
        <v>8</v>
      </c>
      <c r="J1" s="11" t="s">
        <v>9</v>
      </c>
      <c r="K1" t="s">
        <v>10</v>
      </c>
      <c r="L1" t="s">
        <v>11</v>
      </c>
    </row>
    <row r="2" spans="1:12" x14ac:dyDescent="0.2">
      <c r="A2" s="1" t="s">
        <v>12</v>
      </c>
      <c r="B2" s="1" t="s">
        <v>13</v>
      </c>
      <c r="C2" t="s">
        <v>14</v>
      </c>
      <c r="D2" s="1" t="s">
        <v>15</v>
      </c>
      <c r="E2" s="2">
        <v>44957</v>
      </c>
      <c r="F2" s="2">
        <v>44958</v>
      </c>
      <c r="G2" s="1" t="s">
        <v>16</v>
      </c>
      <c r="H2" s="2">
        <v>46418</v>
      </c>
      <c r="I2" s="3">
        <v>192000</v>
      </c>
      <c r="J2" s="11" t="s">
        <v>17</v>
      </c>
      <c r="K2" s="1" t="s">
        <v>18</v>
      </c>
      <c r="L2" s="1" t="s">
        <v>16</v>
      </c>
    </row>
    <row r="3" spans="1:12" x14ac:dyDescent="0.2">
      <c r="A3" s="1" t="s">
        <v>12</v>
      </c>
      <c r="B3" s="1" t="s">
        <v>19</v>
      </c>
      <c r="C3" t="s">
        <v>20</v>
      </c>
      <c r="D3" s="1" t="s">
        <v>21</v>
      </c>
      <c r="E3" s="2">
        <v>44141</v>
      </c>
      <c r="F3" s="2">
        <v>44141</v>
      </c>
      <c r="G3" s="1" t="s">
        <v>22</v>
      </c>
      <c r="H3" s="2">
        <v>47208</v>
      </c>
      <c r="I3" s="3">
        <v>310500</v>
      </c>
      <c r="J3" s="11" t="s">
        <v>23</v>
      </c>
      <c r="K3" s="1" t="s">
        <v>24</v>
      </c>
      <c r="L3" s="1" t="s">
        <v>16</v>
      </c>
    </row>
    <row r="4" spans="1:12" x14ac:dyDescent="0.2">
      <c r="A4" s="1" t="s">
        <v>12</v>
      </c>
      <c r="B4" s="1" t="s">
        <v>25</v>
      </c>
      <c r="C4" t="s">
        <v>26</v>
      </c>
      <c r="D4" s="1" t="s">
        <v>27</v>
      </c>
      <c r="E4" s="2">
        <v>44847</v>
      </c>
      <c r="F4" s="2">
        <v>44848</v>
      </c>
      <c r="G4" s="1" t="s">
        <v>28</v>
      </c>
      <c r="H4" s="2">
        <v>46873</v>
      </c>
      <c r="I4" s="3">
        <v>150000</v>
      </c>
      <c r="J4" s="11" t="s">
        <v>29</v>
      </c>
      <c r="K4" s="1" t="s">
        <v>30</v>
      </c>
      <c r="L4" s="1" t="s">
        <v>31</v>
      </c>
    </row>
    <row r="5" spans="1:12" x14ac:dyDescent="0.2">
      <c r="A5" s="1" t="s">
        <v>32</v>
      </c>
      <c r="B5" s="1" t="s">
        <v>33</v>
      </c>
      <c r="C5" t="s">
        <v>34</v>
      </c>
      <c r="D5" s="1" t="s">
        <v>35</v>
      </c>
      <c r="E5" s="2">
        <v>45386</v>
      </c>
      <c r="F5" s="2">
        <v>45386</v>
      </c>
      <c r="G5" s="1" t="s">
        <v>36</v>
      </c>
      <c r="H5" s="2">
        <v>46115</v>
      </c>
      <c r="I5" s="3">
        <v>22000</v>
      </c>
      <c r="J5" s="1" t="s">
        <v>37</v>
      </c>
      <c r="K5" s="1" t="s">
        <v>38</v>
      </c>
      <c r="L5" s="1" t="s">
        <v>39</v>
      </c>
    </row>
    <row r="6" spans="1:12" x14ac:dyDescent="0.2">
      <c r="A6" s="1" t="s">
        <v>32</v>
      </c>
      <c r="B6" s="1" t="s">
        <v>40</v>
      </c>
      <c r="C6" t="s">
        <v>41</v>
      </c>
      <c r="D6" s="1" t="s">
        <v>42</v>
      </c>
      <c r="E6" s="2">
        <v>45097</v>
      </c>
      <c r="F6" s="2">
        <v>45096</v>
      </c>
      <c r="G6" s="1" t="s">
        <v>16</v>
      </c>
      <c r="H6" s="2">
        <v>46556</v>
      </c>
      <c r="I6" s="3">
        <v>1000000</v>
      </c>
      <c r="J6" s="1" t="s">
        <v>43</v>
      </c>
      <c r="K6" s="1" t="s">
        <v>44</v>
      </c>
      <c r="L6" s="1" t="s">
        <v>16</v>
      </c>
    </row>
    <row r="7" spans="1:12" x14ac:dyDescent="0.2">
      <c r="A7" s="1" t="s">
        <v>32</v>
      </c>
      <c r="B7" s="1" t="s">
        <v>40</v>
      </c>
      <c r="C7" t="s">
        <v>41</v>
      </c>
      <c r="D7" s="1" t="s">
        <v>45</v>
      </c>
      <c r="E7" s="2">
        <v>45097</v>
      </c>
      <c r="F7" s="2">
        <v>45096</v>
      </c>
      <c r="G7" s="1" t="s">
        <v>16</v>
      </c>
      <c r="H7" s="2">
        <v>46556</v>
      </c>
      <c r="I7" s="3">
        <v>1000000</v>
      </c>
      <c r="J7" s="1" t="s">
        <v>46</v>
      </c>
      <c r="K7" s="1" t="s">
        <v>44</v>
      </c>
      <c r="L7" s="1" t="s">
        <v>16</v>
      </c>
    </row>
    <row r="8" spans="1:12" x14ac:dyDescent="0.2">
      <c r="A8" s="1" t="s">
        <v>32</v>
      </c>
      <c r="B8" s="1" t="s">
        <v>40</v>
      </c>
      <c r="C8" t="s">
        <v>41</v>
      </c>
      <c r="D8" s="1" t="s">
        <v>47</v>
      </c>
      <c r="E8" s="2">
        <v>45097</v>
      </c>
      <c r="F8" s="2">
        <v>45096</v>
      </c>
      <c r="G8" s="1" t="s">
        <v>16</v>
      </c>
      <c r="H8" s="2">
        <v>46556</v>
      </c>
      <c r="I8" s="3">
        <v>1000000</v>
      </c>
      <c r="J8" s="1" t="s">
        <v>46</v>
      </c>
      <c r="K8" s="1" t="s">
        <v>44</v>
      </c>
      <c r="L8" s="1" t="s">
        <v>16</v>
      </c>
    </row>
    <row r="9" spans="1:12" x14ac:dyDescent="0.2">
      <c r="A9" s="1" t="s">
        <v>32</v>
      </c>
      <c r="B9" s="1" t="s">
        <v>40</v>
      </c>
      <c r="C9" t="s">
        <v>41</v>
      </c>
      <c r="D9" s="1" t="s">
        <v>48</v>
      </c>
      <c r="E9" s="2">
        <v>45097</v>
      </c>
      <c r="F9" s="2">
        <v>45096</v>
      </c>
      <c r="G9" s="1" t="s">
        <v>16</v>
      </c>
      <c r="H9" s="2">
        <v>46556</v>
      </c>
      <c r="I9" s="3">
        <v>1000000</v>
      </c>
      <c r="J9" s="1" t="s">
        <v>46</v>
      </c>
      <c r="K9" s="1" t="s">
        <v>44</v>
      </c>
      <c r="L9" s="1" t="s">
        <v>16</v>
      </c>
    </row>
    <row r="10" spans="1:12" x14ac:dyDescent="0.2">
      <c r="A10" s="1" t="s">
        <v>32</v>
      </c>
      <c r="B10" s="1" t="s">
        <v>49</v>
      </c>
      <c r="C10" t="s">
        <v>50</v>
      </c>
      <c r="D10" s="1" t="s">
        <v>51</v>
      </c>
      <c r="E10" s="2">
        <v>42356</v>
      </c>
      <c r="F10" s="2">
        <v>42445</v>
      </c>
      <c r="G10" s="1" t="s">
        <v>16</v>
      </c>
      <c r="H10" s="2">
        <v>46112</v>
      </c>
      <c r="I10" s="3">
        <v>515000</v>
      </c>
      <c r="J10" s="1" t="s">
        <v>52</v>
      </c>
      <c r="K10" s="1" t="s">
        <v>53</v>
      </c>
      <c r="L10" s="1" t="s">
        <v>16</v>
      </c>
    </row>
    <row r="11" spans="1:12" x14ac:dyDescent="0.2">
      <c r="A11" s="1" t="s">
        <v>32</v>
      </c>
      <c r="B11" s="1" t="s">
        <v>54</v>
      </c>
      <c r="C11" t="s">
        <v>55</v>
      </c>
      <c r="D11" s="1" t="s">
        <v>56</v>
      </c>
      <c r="E11" s="2">
        <v>42338</v>
      </c>
      <c r="F11" s="2">
        <v>42342</v>
      </c>
      <c r="G11" s="1" t="s">
        <v>16</v>
      </c>
      <c r="H11" s="2">
        <v>46359</v>
      </c>
      <c r="I11" s="3">
        <v>145000</v>
      </c>
      <c r="J11" s="1" t="s">
        <v>57</v>
      </c>
      <c r="K11" s="1" t="s">
        <v>58</v>
      </c>
      <c r="L11" s="1" t="s">
        <v>16</v>
      </c>
    </row>
    <row r="12" spans="1:12" x14ac:dyDescent="0.2">
      <c r="A12" s="1" t="s">
        <v>32</v>
      </c>
      <c r="B12" s="1" t="s">
        <v>59</v>
      </c>
      <c r="C12" t="s">
        <v>60</v>
      </c>
      <c r="D12" s="1" t="s">
        <v>61</v>
      </c>
      <c r="E12" s="2">
        <v>43172</v>
      </c>
      <c r="F12" s="2">
        <v>43190</v>
      </c>
      <c r="G12" s="1" t="s">
        <v>62</v>
      </c>
      <c r="H12" s="2">
        <v>46111</v>
      </c>
      <c r="I12" s="3">
        <v>30000</v>
      </c>
      <c r="J12" s="1" t="s">
        <v>63</v>
      </c>
      <c r="K12" s="1" t="s">
        <v>64</v>
      </c>
      <c r="L12" s="1" t="s">
        <v>16</v>
      </c>
    </row>
    <row r="13" spans="1:12" x14ac:dyDescent="0.2">
      <c r="A13" s="1" t="s">
        <v>32</v>
      </c>
      <c r="B13" s="1" t="s">
        <v>65</v>
      </c>
      <c r="C13" t="s">
        <v>66</v>
      </c>
      <c r="D13" s="1" t="s">
        <v>67</v>
      </c>
      <c r="E13" s="2">
        <v>44273</v>
      </c>
      <c r="F13" s="2">
        <v>44273</v>
      </c>
      <c r="G13" s="1" t="s">
        <v>16</v>
      </c>
      <c r="H13" s="2">
        <v>46265</v>
      </c>
      <c r="I13" s="3">
        <v>483000</v>
      </c>
      <c r="J13" s="1" t="s">
        <v>68</v>
      </c>
      <c r="K13" s="1" t="s">
        <v>69</v>
      </c>
      <c r="L13" s="1" t="s">
        <v>16</v>
      </c>
    </row>
    <row r="14" spans="1:12" x14ac:dyDescent="0.2">
      <c r="A14" s="1" t="s">
        <v>70</v>
      </c>
      <c r="B14" s="1" t="s">
        <v>71</v>
      </c>
      <c r="C14" t="s">
        <v>72</v>
      </c>
      <c r="D14" s="1" t="s">
        <v>73</v>
      </c>
      <c r="E14" s="2">
        <v>44174</v>
      </c>
      <c r="F14" s="2">
        <v>44207</v>
      </c>
      <c r="G14" s="1" t="s">
        <v>74</v>
      </c>
      <c r="H14" s="2">
        <v>46630</v>
      </c>
      <c r="I14" s="3">
        <v>600000</v>
      </c>
      <c r="J14" s="1" t="s">
        <v>75</v>
      </c>
      <c r="K14" s="1" t="s">
        <v>76</v>
      </c>
      <c r="L14" s="1" t="s">
        <v>31</v>
      </c>
    </row>
    <row r="15" spans="1:12" x14ac:dyDescent="0.2">
      <c r="A15" s="1" t="s">
        <v>70</v>
      </c>
      <c r="B15" s="1" t="s">
        <v>77</v>
      </c>
      <c r="C15" t="s">
        <v>78</v>
      </c>
      <c r="D15" s="1" t="s">
        <v>79</v>
      </c>
      <c r="E15" s="2">
        <v>45170</v>
      </c>
      <c r="F15" s="2">
        <v>45170</v>
      </c>
      <c r="G15" s="1" t="s">
        <v>80</v>
      </c>
      <c r="H15" s="2">
        <v>46265</v>
      </c>
      <c r="I15" s="3">
        <v>100000</v>
      </c>
      <c r="J15" s="1" t="s">
        <v>81</v>
      </c>
      <c r="K15" s="1" t="s">
        <v>82</v>
      </c>
      <c r="L15" s="1" t="s">
        <v>31</v>
      </c>
    </row>
    <row r="16" spans="1:12" x14ac:dyDescent="0.2">
      <c r="A16" s="1" t="s">
        <v>70</v>
      </c>
      <c r="B16" s="1" t="s">
        <v>83</v>
      </c>
      <c r="C16" t="s">
        <v>84</v>
      </c>
      <c r="D16" s="1" t="s">
        <v>85</v>
      </c>
      <c r="E16" s="2">
        <v>45665</v>
      </c>
      <c r="F16" s="2">
        <v>45755</v>
      </c>
      <c r="G16" s="1" t="s">
        <v>16</v>
      </c>
      <c r="H16" s="2">
        <v>46359</v>
      </c>
      <c r="I16" s="3">
        <v>100000</v>
      </c>
      <c r="J16" s="1" t="s">
        <v>46</v>
      </c>
      <c r="K16" s="1" t="s">
        <v>86</v>
      </c>
      <c r="L16" s="1" t="s">
        <v>39</v>
      </c>
    </row>
    <row r="17" spans="1:12" x14ac:dyDescent="0.2">
      <c r="A17" s="1" t="s">
        <v>70</v>
      </c>
      <c r="B17" s="1" t="s">
        <v>87</v>
      </c>
      <c r="C17" t="s">
        <v>88</v>
      </c>
      <c r="D17" s="1" t="s">
        <v>89</v>
      </c>
      <c r="E17" s="2">
        <v>42908</v>
      </c>
      <c r="F17" s="2">
        <v>42919</v>
      </c>
      <c r="G17" s="1" t="s">
        <v>16</v>
      </c>
      <c r="H17" s="2">
        <v>46754</v>
      </c>
      <c r="I17" s="3">
        <v>18000000</v>
      </c>
      <c r="J17" s="1" t="s">
        <v>90</v>
      </c>
      <c r="K17" s="1" t="s">
        <v>91</v>
      </c>
      <c r="L17" s="1" t="s">
        <v>31</v>
      </c>
    </row>
    <row r="18" spans="1:12" x14ac:dyDescent="0.2">
      <c r="A18" s="1" t="s">
        <v>70</v>
      </c>
      <c r="B18" s="1" t="s">
        <v>92</v>
      </c>
      <c r="C18" t="s">
        <v>93</v>
      </c>
      <c r="D18" s="1" t="s">
        <v>94</v>
      </c>
      <c r="E18" s="2">
        <v>43139</v>
      </c>
      <c r="F18" s="2">
        <v>43140</v>
      </c>
      <c r="G18" s="1" t="s">
        <v>95</v>
      </c>
      <c r="H18" s="2">
        <v>46426</v>
      </c>
      <c r="I18" s="3">
        <v>50000</v>
      </c>
      <c r="J18" s="1" t="s">
        <v>96</v>
      </c>
      <c r="K18" s="1" t="s">
        <v>97</v>
      </c>
      <c r="L18" s="1" t="s">
        <v>16</v>
      </c>
    </row>
    <row r="19" spans="1:12" x14ac:dyDescent="0.2">
      <c r="A19" s="1" t="s">
        <v>70</v>
      </c>
      <c r="B19" s="1" t="s">
        <v>98</v>
      </c>
      <c r="C19" t="s">
        <v>99</v>
      </c>
      <c r="D19" s="1" t="s">
        <v>100</v>
      </c>
      <c r="E19" s="2">
        <v>39114</v>
      </c>
      <c r="F19" s="2">
        <v>39616</v>
      </c>
      <c r="G19" s="1" t="s">
        <v>16</v>
      </c>
      <c r="H19" s="2">
        <v>47118</v>
      </c>
      <c r="I19" s="3">
        <v>50000</v>
      </c>
      <c r="J19" s="1" t="s">
        <v>101</v>
      </c>
      <c r="K19" s="1" t="s">
        <v>102</v>
      </c>
      <c r="L19" s="1" t="s">
        <v>16</v>
      </c>
    </row>
    <row r="20" spans="1:12" x14ac:dyDescent="0.2">
      <c r="A20" s="1" t="s">
        <v>70</v>
      </c>
      <c r="B20" s="1" t="s">
        <v>103</v>
      </c>
      <c r="C20" t="s">
        <v>104</v>
      </c>
      <c r="D20" s="1" t="s">
        <v>105</v>
      </c>
      <c r="E20" s="2">
        <v>37500</v>
      </c>
      <c r="F20" s="2">
        <v>37501</v>
      </c>
      <c r="G20" s="1" t="s">
        <v>16</v>
      </c>
      <c r="H20" s="2">
        <v>46843</v>
      </c>
      <c r="I20" s="3">
        <v>1300000</v>
      </c>
      <c r="J20" s="1" t="s">
        <v>106</v>
      </c>
      <c r="K20" s="1" t="s">
        <v>107</v>
      </c>
      <c r="L20" s="1" t="s">
        <v>16</v>
      </c>
    </row>
    <row r="21" spans="1:12" x14ac:dyDescent="0.2">
      <c r="A21" s="1" t="s">
        <v>70</v>
      </c>
      <c r="B21" s="1" t="s">
        <v>108</v>
      </c>
      <c r="C21" t="s">
        <v>109</v>
      </c>
      <c r="D21" s="1" t="s">
        <v>110</v>
      </c>
      <c r="E21" s="2">
        <v>44697</v>
      </c>
      <c r="F21" s="2">
        <v>44697</v>
      </c>
      <c r="G21" s="1" t="s">
        <v>16</v>
      </c>
      <c r="H21" s="2">
        <v>46157</v>
      </c>
      <c r="I21" s="3">
        <v>300000</v>
      </c>
      <c r="J21" s="1" t="s">
        <v>111</v>
      </c>
      <c r="K21" s="1" t="s">
        <v>112</v>
      </c>
      <c r="L21" s="1" t="s">
        <v>31</v>
      </c>
    </row>
    <row r="22" spans="1:12" x14ac:dyDescent="0.2">
      <c r="A22" s="1" t="s">
        <v>70</v>
      </c>
      <c r="B22" s="1" t="s">
        <v>113</v>
      </c>
      <c r="C22" t="s">
        <v>114</v>
      </c>
      <c r="D22" s="1" t="s">
        <v>115</v>
      </c>
      <c r="E22" s="2">
        <v>45977</v>
      </c>
      <c r="F22" s="2">
        <v>45977</v>
      </c>
      <c r="G22" s="1" t="s">
        <v>62</v>
      </c>
      <c r="H22" s="2">
        <v>46706</v>
      </c>
      <c r="I22" s="3">
        <v>800000</v>
      </c>
      <c r="J22" s="1" t="s">
        <v>46</v>
      </c>
      <c r="K22" s="1" t="s">
        <v>116</v>
      </c>
      <c r="L22" s="1" t="s">
        <v>31</v>
      </c>
    </row>
    <row r="23" spans="1:12" x14ac:dyDescent="0.2">
      <c r="A23" s="1" t="s">
        <v>70</v>
      </c>
      <c r="B23" s="1" t="s">
        <v>117</v>
      </c>
      <c r="C23" t="s">
        <v>118</v>
      </c>
      <c r="D23" s="1" t="s">
        <v>35</v>
      </c>
      <c r="E23" s="2">
        <v>45271</v>
      </c>
      <c r="F23" s="2">
        <v>45279</v>
      </c>
      <c r="G23" s="1" t="s">
        <v>119</v>
      </c>
      <c r="H23" s="2">
        <v>46374</v>
      </c>
      <c r="I23" s="3">
        <v>200000</v>
      </c>
      <c r="J23" s="1" t="s">
        <v>120</v>
      </c>
      <c r="K23" s="1" t="s">
        <v>121</v>
      </c>
      <c r="L23" s="1" t="s">
        <v>31</v>
      </c>
    </row>
    <row r="24" spans="1:12" x14ac:dyDescent="0.2">
      <c r="A24" s="1" t="s">
        <v>70</v>
      </c>
      <c r="B24" s="1" t="s">
        <v>122</v>
      </c>
      <c r="C24" t="s">
        <v>123</v>
      </c>
      <c r="D24" s="1" t="s">
        <v>124</v>
      </c>
      <c r="E24" s="2">
        <v>42965</v>
      </c>
      <c r="F24" s="2">
        <v>42979</v>
      </c>
      <c r="G24" s="1" t="s">
        <v>16</v>
      </c>
      <c r="H24" s="2">
        <v>46265</v>
      </c>
      <c r="I24" s="3">
        <v>45500</v>
      </c>
      <c r="J24" s="1" t="s">
        <v>125</v>
      </c>
      <c r="K24" s="1" t="s">
        <v>126</v>
      </c>
      <c r="L24" s="1" t="s">
        <v>16</v>
      </c>
    </row>
    <row r="25" spans="1:12" x14ac:dyDescent="0.2">
      <c r="A25" s="1" t="s">
        <v>70</v>
      </c>
      <c r="B25" s="1" t="s">
        <v>127</v>
      </c>
      <c r="C25" t="s">
        <v>128</v>
      </c>
      <c r="D25" s="1" t="s">
        <v>73</v>
      </c>
      <c r="E25" s="2">
        <v>44208</v>
      </c>
      <c r="F25" s="2">
        <v>44209</v>
      </c>
      <c r="G25" s="1" t="s">
        <v>62</v>
      </c>
      <c r="H25" s="2">
        <v>46477</v>
      </c>
      <c r="I25" s="3">
        <v>410000</v>
      </c>
      <c r="J25" s="1" t="s">
        <v>129</v>
      </c>
      <c r="K25" s="1" t="s">
        <v>130</v>
      </c>
      <c r="L25" s="1" t="s">
        <v>31</v>
      </c>
    </row>
    <row r="26" spans="1:12" x14ac:dyDescent="0.2">
      <c r="A26" s="1" t="s">
        <v>70</v>
      </c>
      <c r="B26" s="1" t="s">
        <v>131</v>
      </c>
      <c r="C26" t="s">
        <v>132</v>
      </c>
      <c r="D26" s="1" t="s">
        <v>133</v>
      </c>
      <c r="E26" s="2">
        <v>45392</v>
      </c>
      <c r="F26" s="2">
        <v>45383</v>
      </c>
      <c r="G26" s="1" t="s">
        <v>74</v>
      </c>
      <c r="H26" s="2">
        <v>46477</v>
      </c>
      <c r="I26" s="3">
        <v>89000</v>
      </c>
      <c r="J26" s="1" t="s">
        <v>134</v>
      </c>
      <c r="K26" s="1" t="s">
        <v>135</v>
      </c>
      <c r="L26" s="1" t="s">
        <v>16</v>
      </c>
    </row>
    <row r="27" spans="1:12" x14ac:dyDescent="0.2">
      <c r="A27" s="1" t="s">
        <v>70</v>
      </c>
      <c r="B27" s="1" t="s">
        <v>136</v>
      </c>
      <c r="C27" t="s">
        <v>137</v>
      </c>
      <c r="D27" s="1" t="s">
        <v>73</v>
      </c>
      <c r="E27" s="2">
        <v>44323</v>
      </c>
      <c r="F27" s="2">
        <v>44323</v>
      </c>
      <c r="G27" s="1" t="s">
        <v>16</v>
      </c>
      <c r="H27" s="2">
        <v>46904</v>
      </c>
      <c r="I27" s="3">
        <v>5500000</v>
      </c>
      <c r="J27" s="1" t="s">
        <v>138</v>
      </c>
      <c r="K27" s="1" t="s">
        <v>139</v>
      </c>
      <c r="L27" s="1" t="s">
        <v>31</v>
      </c>
    </row>
    <row r="28" spans="1:12" x14ac:dyDescent="0.2">
      <c r="A28" s="1" t="s">
        <v>70</v>
      </c>
      <c r="B28" s="1" t="s">
        <v>140</v>
      </c>
      <c r="C28" t="s">
        <v>141</v>
      </c>
      <c r="D28" s="1" t="s">
        <v>142</v>
      </c>
      <c r="E28" s="2">
        <v>45747</v>
      </c>
      <c r="F28" s="2">
        <v>45748</v>
      </c>
      <c r="G28" s="1" t="s">
        <v>143</v>
      </c>
      <c r="H28" s="2">
        <v>46669</v>
      </c>
      <c r="I28" s="3">
        <v>30000</v>
      </c>
      <c r="J28" s="1" t="s">
        <v>46</v>
      </c>
      <c r="K28" s="1" t="s">
        <v>144</v>
      </c>
      <c r="L28" s="1" t="s">
        <v>39</v>
      </c>
    </row>
    <row r="29" spans="1:12" x14ac:dyDescent="0.2">
      <c r="A29" s="1" t="s">
        <v>70</v>
      </c>
      <c r="B29" s="1" t="s">
        <v>145</v>
      </c>
      <c r="C29" t="s">
        <v>146</v>
      </c>
      <c r="D29" s="1" t="s">
        <v>147</v>
      </c>
      <c r="E29" s="2">
        <v>44711</v>
      </c>
      <c r="F29" s="2">
        <v>44712</v>
      </c>
      <c r="G29" s="1" t="s">
        <v>148</v>
      </c>
      <c r="H29" s="2">
        <v>46172</v>
      </c>
      <c r="I29" s="3">
        <v>700000</v>
      </c>
      <c r="J29" s="1" t="s">
        <v>149</v>
      </c>
      <c r="K29" s="1" t="s">
        <v>150</v>
      </c>
      <c r="L29" s="1" t="s">
        <v>39</v>
      </c>
    </row>
    <row r="30" spans="1:12" x14ac:dyDescent="0.2">
      <c r="A30" s="1" t="s">
        <v>70</v>
      </c>
      <c r="B30" s="1" t="s">
        <v>151</v>
      </c>
      <c r="C30" t="s">
        <v>152</v>
      </c>
      <c r="D30" s="1" t="s">
        <v>153</v>
      </c>
      <c r="E30" s="2">
        <v>45352</v>
      </c>
      <c r="F30" s="2">
        <v>45352</v>
      </c>
      <c r="G30" s="1" t="s">
        <v>154</v>
      </c>
      <c r="H30" s="2">
        <v>46446</v>
      </c>
      <c r="I30" s="3">
        <v>400000</v>
      </c>
      <c r="J30" s="1" t="s">
        <v>155</v>
      </c>
      <c r="K30" s="1" t="s">
        <v>156</v>
      </c>
      <c r="L30" s="1" t="s">
        <v>31</v>
      </c>
    </row>
    <row r="31" spans="1:12" x14ac:dyDescent="0.2">
      <c r="A31" s="1" t="s">
        <v>157</v>
      </c>
      <c r="B31" s="1" t="s">
        <v>158</v>
      </c>
      <c r="C31" t="s">
        <v>159</v>
      </c>
      <c r="D31" s="1" t="s">
        <v>160</v>
      </c>
      <c r="E31" s="2">
        <v>42789</v>
      </c>
      <c r="F31" s="2">
        <v>42789</v>
      </c>
      <c r="G31" s="1" t="s">
        <v>16</v>
      </c>
      <c r="H31" s="2">
        <v>46297</v>
      </c>
      <c r="I31" s="3">
        <v>550000</v>
      </c>
      <c r="J31" s="1" t="s">
        <v>161</v>
      </c>
      <c r="K31" s="1" t="s">
        <v>162</v>
      </c>
      <c r="L31" s="1" t="s">
        <v>31</v>
      </c>
    </row>
    <row r="32" spans="1:12" x14ac:dyDescent="0.2">
      <c r="A32" s="1" t="s">
        <v>157</v>
      </c>
      <c r="B32" s="1" t="s">
        <v>163</v>
      </c>
      <c r="C32" t="s">
        <v>164</v>
      </c>
      <c r="D32" s="1" t="s">
        <v>165</v>
      </c>
      <c r="E32" s="2">
        <v>45926</v>
      </c>
      <c r="F32" s="2">
        <v>45926</v>
      </c>
      <c r="G32" s="1" t="s">
        <v>166</v>
      </c>
      <c r="H32" s="2">
        <v>49460</v>
      </c>
      <c r="I32" s="3">
        <v>1435000</v>
      </c>
      <c r="J32" s="1" t="s">
        <v>46</v>
      </c>
      <c r="K32" s="1" t="s">
        <v>167</v>
      </c>
      <c r="L32" s="1" t="s">
        <v>16</v>
      </c>
    </row>
    <row r="33" spans="1:12" x14ac:dyDescent="0.2">
      <c r="A33" s="1" t="s">
        <v>157</v>
      </c>
      <c r="B33" s="1" t="s">
        <v>168</v>
      </c>
      <c r="C33" t="s">
        <v>169</v>
      </c>
      <c r="D33" s="1" t="s">
        <v>170</v>
      </c>
      <c r="E33" s="2">
        <v>44446</v>
      </c>
      <c r="F33" s="2">
        <v>44520</v>
      </c>
      <c r="G33" s="1" t="s">
        <v>16</v>
      </c>
      <c r="H33" s="2">
        <v>46346</v>
      </c>
      <c r="I33" s="3">
        <v>25000</v>
      </c>
      <c r="J33" s="1" t="s">
        <v>171</v>
      </c>
      <c r="K33" s="1" t="s">
        <v>172</v>
      </c>
      <c r="L33" s="1" t="s">
        <v>16</v>
      </c>
    </row>
    <row r="34" spans="1:12" x14ac:dyDescent="0.2">
      <c r="A34" s="1" t="s">
        <v>157</v>
      </c>
      <c r="B34" s="1" t="s">
        <v>173</v>
      </c>
      <c r="C34" t="s">
        <v>169</v>
      </c>
      <c r="D34" s="1" t="s">
        <v>174</v>
      </c>
      <c r="E34" s="2">
        <v>44446</v>
      </c>
      <c r="F34" s="2">
        <v>44520</v>
      </c>
      <c r="G34" s="1" t="s">
        <v>16</v>
      </c>
      <c r="H34" s="2">
        <v>46346</v>
      </c>
      <c r="I34" s="3">
        <v>25000</v>
      </c>
      <c r="J34" s="1" t="s">
        <v>175</v>
      </c>
      <c r="K34" s="1" t="s">
        <v>172</v>
      </c>
      <c r="L34" s="1" t="s">
        <v>16</v>
      </c>
    </row>
    <row r="35" spans="1:12" x14ac:dyDescent="0.2">
      <c r="A35" s="1" t="s">
        <v>157</v>
      </c>
      <c r="B35" s="1" t="s">
        <v>168</v>
      </c>
      <c r="C35" t="s">
        <v>169</v>
      </c>
      <c r="D35" s="1" t="s">
        <v>176</v>
      </c>
      <c r="E35" s="2">
        <v>44446</v>
      </c>
      <c r="F35" s="2">
        <v>44520</v>
      </c>
      <c r="G35" s="1" t="s">
        <v>16</v>
      </c>
      <c r="H35" s="2">
        <v>46346</v>
      </c>
      <c r="I35" s="3">
        <v>25000</v>
      </c>
      <c r="J35" s="1" t="s">
        <v>177</v>
      </c>
      <c r="K35" s="1" t="s">
        <v>172</v>
      </c>
      <c r="L35" s="1" t="s">
        <v>16</v>
      </c>
    </row>
    <row r="36" spans="1:12" x14ac:dyDescent="0.2">
      <c r="A36" s="1" t="s">
        <v>178</v>
      </c>
      <c r="B36" s="1" t="s">
        <v>179</v>
      </c>
      <c r="C36" t="s">
        <v>180</v>
      </c>
      <c r="D36" s="1" t="s">
        <v>181</v>
      </c>
      <c r="E36" s="2">
        <v>45022</v>
      </c>
      <c r="F36" s="2">
        <v>45022</v>
      </c>
      <c r="G36" s="1" t="s">
        <v>182</v>
      </c>
      <c r="H36" s="2">
        <v>46112</v>
      </c>
      <c r="I36" s="3">
        <v>52500</v>
      </c>
      <c r="J36" s="1" t="s">
        <v>183</v>
      </c>
      <c r="K36" s="1" t="s">
        <v>184</v>
      </c>
      <c r="L36" s="1" t="s">
        <v>16</v>
      </c>
    </row>
    <row r="37" spans="1:12" x14ac:dyDescent="0.2">
      <c r="A37" s="1" t="s">
        <v>185</v>
      </c>
      <c r="B37" s="1" t="s">
        <v>186</v>
      </c>
      <c r="C37" t="s">
        <v>187</v>
      </c>
      <c r="D37" s="1" t="s">
        <v>188</v>
      </c>
      <c r="E37" s="2">
        <v>44634</v>
      </c>
      <c r="F37" s="2">
        <v>44682</v>
      </c>
      <c r="G37" s="1" t="s">
        <v>154</v>
      </c>
      <c r="H37" s="2">
        <v>46507</v>
      </c>
      <c r="I37" s="3">
        <v>155235</v>
      </c>
      <c r="J37" s="11" t="s">
        <v>189</v>
      </c>
      <c r="K37" s="1" t="s">
        <v>190</v>
      </c>
      <c r="L37" s="1" t="s">
        <v>16</v>
      </c>
    </row>
    <row r="38" spans="1:12" x14ac:dyDescent="0.2">
      <c r="A38" s="1" t="s">
        <v>185</v>
      </c>
      <c r="B38" s="1" t="s">
        <v>191</v>
      </c>
      <c r="C38" t="s">
        <v>192</v>
      </c>
      <c r="D38" s="1" t="s">
        <v>193</v>
      </c>
      <c r="E38" s="2">
        <v>41325</v>
      </c>
      <c r="F38" s="2">
        <v>41325</v>
      </c>
      <c r="G38" s="1" t="s">
        <v>143</v>
      </c>
      <c r="H38" s="2">
        <v>46437</v>
      </c>
      <c r="I38" s="3">
        <v>57500</v>
      </c>
      <c r="J38" s="11" t="s">
        <v>194</v>
      </c>
      <c r="K38" s="1" t="s">
        <v>195</v>
      </c>
      <c r="L38" s="1" t="s">
        <v>16</v>
      </c>
    </row>
    <row r="39" spans="1:12" x14ac:dyDescent="0.2">
      <c r="A39" s="1" t="s">
        <v>185</v>
      </c>
      <c r="B39" s="1" t="s">
        <v>196</v>
      </c>
      <c r="C39" t="s">
        <v>197</v>
      </c>
      <c r="D39" s="1" t="s">
        <v>198</v>
      </c>
      <c r="E39" s="2">
        <v>44763</v>
      </c>
      <c r="F39" s="2">
        <v>44805</v>
      </c>
      <c r="G39" s="1" t="s">
        <v>199</v>
      </c>
      <c r="H39" s="2">
        <v>46265</v>
      </c>
      <c r="I39" s="3">
        <v>122150</v>
      </c>
      <c r="J39" s="11" t="s">
        <v>200</v>
      </c>
      <c r="K39" s="1" t="s">
        <v>201</v>
      </c>
      <c r="L39" s="1" t="s">
        <v>16</v>
      </c>
    </row>
    <row r="40" spans="1:12" x14ac:dyDescent="0.2">
      <c r="A40" s="1" t="s">
        <v>185</v>
      </c>
      <c r="B40" s="1" t="s">
        <v>202</v>
      </c>
      <c r="C40" t="s">
        <v>203</v>
      </c>
      <c r="D40" s="1" t="s">
        <v>204</v>
      </c>
      <c r="E40" s="2">
        <v>43644</v>
      </c>
      <c r="F40" s="2">
        <v>43664</v>
      </c>
      <c r="G40" s="1" t="s">
        <v>205</v>
      </c>
      <c r="H40" s="2">
        <v>46404</v>
      </c>
      <c r="I40" s="3">
        <v>24000</v>
      </c>
      <c r="J40" s="11" t="s">
        <v>206</v>
      </c>
      <c r="K40" s="1" t="s">
        <v>207</v>
      </c>
      <c r="L40" s="1" t="s">
        <v>16</v>
      </c>
    </row>
    <row r="41" spans="1:12" x14ac:dyDescent="0.2">
      <c r="A41" s="1" t="s">
        <v>208</v>
      </c>
      <c r="B41" s="1" t="s">
        <v>209</v>
      </c>
      <c r="C41" t="s">
        <v>210</v>
      </c>
      <c r="D41" s="1" t="s">
        <v>211</v>
      </c>
      <c r="E41" s="2">
        <v>44988</v>
      </c>
      <c r="F41" s="2">
        <v>45108</v>
      </c>
      <c r="G41" s="1" t="s">
        <v>212</v>
      </c>
      <c r="H41" s="2">
        <v>46934</v>
      </c>
      <c r="I41" s="3">
        <v>411720</v>
      </c>
      <c r="J41" s="1" t="s">
        <v>213</v>
      </c>
      <c r="K41" s="1" t="s">
        <v>209</v>
      </c>
      <c r="L41" s="1" t="s">
        <v>16</v>
      </c>
    </row>
    <row r="42" spans="1:12" x14ac:dyDescent="0.2">
      <c r="A42" s="1" t="s">
        <v>208</v>
      </c>
      <c r="B42" s="1" t="s">
        <v>214</v>
      </c>
      <c r="C42" t="s">
        <v>215</v>
      </c>
      <c r="D42" s="1" t="s">
        <v>216</v>
      </c>
      <c r="E42" s="9">
        <v>46031</v>
      </c>
      <c r="F42" s="9">
        <v>46097</v>
      </c>
      <c r="G42" s="8" t="s">
        <v>217</v>
      </c>
      <c r="H42" s="9">
        <v>47922</v>
      </c>
      <c r="I42" s="10">
        <v>30000</v>
      </c>
      <c r="J42" s="13">
        <v>0</v>
      </c>
      <c r="K42" s="1" t="s">
        <v>218</v>
      </c>
      <c r="L42" s="1" t="s">
        <v>16</v>
      </c>
    </row>
    <row r="43" spans="1:12" x14ac:dyDescent="0.2">
      <c r="A43" s="1" t="s">
        <v>208</v>
      </c>
      <c r="B43" s="1" t="s">
        <v>219</v>
      </c>
      <c r="C43" t="s">
        <v>220</v>
      </c>
      <c r="D43" s="1" t="s">
        <v>221</v>
      </c>
      <c r="E43" s="2">
        <v>45135</v>
      </c>
      <c r="F43" s="2">
        <v>45135</v>
      </c>
      <c r="G43" s="1" t="s">
        <v>222</v>
      </c>
      <c r="H43" s="2">
        <v>46961</v>
      </c>
      <c r="I43" s="3">
        <v>3900000</v>
      </c>
      <c r="J43" s="11" t="s">
        <v>223</v>
      </c>
      <c r="K43" s="1" t="s">
        <v>224</v>
      </c>
      <c r="L43" s="1" t="s">
        <v>16</v>
      </c>
    </row>
    <row r="44" spans="1:12" x14ac:dyDescent="0.2">
      <c r="A44" s="1" t="s">
        <v>208</v>
      </c>
      <c r="B44" s="1" t="s">
        <v>225</v>
      </c>
      <c r="C44" t="s">
        <v>226</v>
      </c>
      <c r="D44" s="1" t="s">
        <v>227</v>
      </c>
      <c r="E44" s="2">
        <v>43081</v>
      </c>
      <c r="F44" s="2">
        <v>43087</v>
      </c>
      <c r="G44" s="1" t="s">
        <v>16</v>
      </c>
      <c r="H44" s="2">
        <v>46568</v>
      </c>
      <c r="I44" s="3">
        <v>18340165</v>
      </c>
      <c r="J44" s="11" t="s">
        <v>228</v>
      </c>
      <c r="K44" s="1" t="s">
        <v>229</v>
      </c>
      <c r="L44" s="1" t="s">
        <v>16</v>
      </c>
    </row>
    <row r="45" spans="1:12" x14ac:dyDescent="0.2">
      <c r="A45" s="1" t="s">
        <v>208</v>
      </c>
      <c r="B45" s="1" t="s">
        <v>230</v>
      </c>
      <c r="C45" t="s">
        <v>231</v>
      </c>
      <c r="D45" s="1" t="s">
        <v>232</v>
      </c>
      <c r="E45" s="2">
        <v>43194</v>
      </c>
      <c r="F45" s="2">
        <v>43221</v>
      </c>
      <c r="G45" s="1" t="s">
        <v>182</v>
      </c>
      <c r="H45" s="2">
        <v>46234</v>
      </c>
      <c r="I45" s="3">
        <v>7098800</v>
      </c>
      <c r="J45" s="1" t="s">
        <v>233</v>
      </c>
      <c r="K45" s="1" t="s">
        <v>234</v>
      </c>
      <c r="L45" s="1" t="s">
        <v>16</v>
      </c>
    </row>
    <row r="46" spans="1:12" x14ac:dyDescent="0.2">
      <c r="A46" s="1" t="s">
        <v>208</v>
      </c>
      <c r="B46" s="1" t="s">
        <v>235</v>
      </c>
      <c r="C46" t="s">
        <v>236</v>
      </c>
      <c r="D46" s="1" t="s">
        <v>237</v>
      </c>
      <c r="E46" s="2">
        <v>45608</v>
      </c>
      <c r="F46" s="2">
        <v>45625</v>
      </c>
      <c r="G46" s="1" t="s">
        <v>238</v>
      </c>
      <c r="H46" s="2">
        <v>47450</v>
      </c>
      <c r="I46" s="3">
        <v>7733884.3499999996</v>
      </c>
      <c r="J46" s="1" t="s">
        <v>239</v>
      </c>
      <c r="K46" s="1" t="s">
        <v>240</v>
      </c>
      <c r="L46" s="1" t="s">
        <v>16</v>
      </c>
    </row>
    <row r="47" spans="1:12" x14ac:dyDescent="0.2">
      <c r="A47" s="4" t="s">
        <v>208</v>
      </c>
      <c r="B47" s="4" t="s">
        <v>241</v>
      </c>
      <c r="C47" s="5" t="s">
        <v>242</v>
      </c>
      <c r="D47" s="4" t="s">
        <v>243</v>
      </c>
      <c r="E47" s="6">
        <v>41360</v>
      </c>
      <c r="F47" s="6">
        <v>41365</v>
      </c>
      <c r="G47" s="4" t="s">
        <v>244</v>
      </c>
      <c r="H47" s="6">
        <v>47938</v>
      </c>
      <c r="I47" s="7">
        <v>736500</v>
      </c>
      <c r="J47" s="12" t="s">
        <v>245</v>
      </c>
      <c r="K47" s="4" t="s">
        <v>246</v>
      </c>
      <c r="L47" s="4" t="s">
        <v>16</v>
      </c>
    </row>
    <row r="48" spans="1:12" x14ac:dyDescent="0.2">
      <c r="A48" s="1" t="s">
        <v>208</v>
      </c>
      <c r="B48" s="1" t="s">
        <v>247</v>
      </c>
      <c r="C48" t="s">
        <v>248</v>
      </c>
      <c r="D48" s="1" t="s">
        <v>249</v>
      </c>
      <c r="E48" s="2">
        <v>45597</v>
      </c>
      <c r="F48" s="2">
        <v>45597</v>
      </c>
      <c r="G48" s="1" t="s">
        <v>250</v>
      </c>
      <c r="H48" s="2">
        <v>46326</v>
      </c>
      <c r="I48" s="3">
        <v>15000</v>
      </c>
      <c r="J48" s="1" t="s">
        <v>251</v>
      </c>
      <c r="K48" s="1" t="s">
        <v>252</v>
      </c>
      <c r="L48" s="1" t="s">
        <v>39</v>
      </c>
    </row>
    <row r="49" spans="1:12" x14ac:dyDescent="0.2">
      <c r="A49" s="1" t="s">
        <v>208</v>
      </c>
      <c r="B49" s="1" t="s">
        <v>253</v>
      </c>
      <c r="C49" t="s">
        <v>254</v>
      </c>
      <c r="D49" s="1" t="s">
        <v>255</v>
      </c>
      <c r="E49" s="2">
        <v>44862</v>
      </c>
      <c r="F49" s="2">
        <v>44865</v>
      </c>
      <c r="G49" s="1" t="s">
        <v>212</v>
      </c>
      <c r="H49" s="2">
        <v>46507</v>
      </c>
      <c r="I49" s="3">
        <v>675352.29</v>
      </c>
      <c r="J49" s="1" t="s">
        <v>256</v>
      </c>
      <c r="K49" s="1" t="s">
        <v>257</v>
      </c>
      <c r="L49" s="1" t="s">
        <v>16</v>
      </c>
    </row>
    <row r="50" spans="1:12" x14ac:dyDescent="0.2">
      <c r="A50" s="1" t="s">
        <v>208</v>
      </c>
      <c r="B50" s="1" t="s">
        <v>258</v>
      </c>
      <c r="C50" t="s">
        <v>259</v>
      </c>
      <c r="D50" s="1" t="s">
        <v>260</v>
      </c>
      <c r="E50" s="2">
        <v>41813</v>
      </c>
      <c r="F50" s="2">
        <v>41821</v>
      </c>
      <c r="G50" s="1" t="s">
        <v>143</v>
      </c>
      <c r="H50" s="2">
        <v>46203</v>
      </c>
      <c r="I50" s="3">
        <v>243250</v>
      </c>
      <c r="J50" s="11" t="s">
        <v>261</v>
      </c>
      <c r="K50" s="1" t="s">
        <v>262</v>
      </c>
      <c r="L50" s="1" t="s">
        <v>16</v>
      </c>
    </row>
    <row r="51" spans="1:12" x14ac:dyDescent="0.2">
      <c r="A51" s="1" t="s">
        <v>208</v>
      </c>
      <c r="B51" s="1" t="s">
        <v>263</v>
      </c>
      <c r="C51" t="s">
        <v>264</v>
      </c>
      <c r="D51" s="1" t="s">
        <v>265</v>
      </c>
      <c r="E51" s="2">
        <v>45194</v>
      </c>
      <c r="F51" s="2">
        <v>45194</v>
      </c>
      <c r="G51" s="1" t="s">
        <v>182</v>
      </c>
      <c r="H51" s="2">
        <v>47385</v>
      </c>
      <c r="I51" s="3">
        <v>28187</v>
      </c>
      <c r="J51" s="1" t="s">
        <v>266</v>
      </c>
      <c r="K51" s="1" t="s">
        <v>267</v>
      </c>
      <c r="L51" s="1" t="s">
        <v>39</v>
      </c>
    </row>
    <row r="52" spans="1:12" x14ac:dyDescent="0.2">
      <c r="A52" s="1" t="s">
        <v>208</v>
      </c>
      <c r="B52" s="1" t="s">
        <v>268</v>
      </c>
      <c r="C52" t="s">
        <v>269</v>
      </c>
      <c r="D52" s="1" t="s">
        <v>270</v>
      </c>
      <c r="E52" s="2">
        <v>45057</v>
      </c>
      <c r="F52" s="2">
        <v>45057</v>
      </c>
      <c r="G52" s="1" t="s">
        <v>212</v>
      </c>
      <c r="H52" s="2">
        <v>46883</v>
      </c>
      <c r="I52" s="3">
        <v>2100000</v>
      </c>
      <c r="J52" s="1" t="s">
        <v>271</v>
      </c>
      <c r="K52" s="1" t="s">
        <v>268</v>
      </c>
      <c r="L52" s="1" t="s">
        <v>16</v>
      </c>
    </row>
    <row r="53" spans="1:12" x14ac:dyDescent="0.2">
      <c r="A53" s="1" t="s">
        <v>208</v>
      </c>
      <c r="B53" s="1" t="s">
        <v>272</v>
      </c>
      <c r="C53" t="s">
        <v>273</v>
      </c>
      <c r="D53" s="1" t="s">
        <v>274</v>
      </c>
      <c r="E53" s="2">
        <v>45104</v>
      </c>
      <c r="F53" s="2">
        <v>45108</v>
      </c>
      <c r="G53" s="1" t="s">
        <v>16</v>
      </c>
      <c r="H53" s="2">
        <v>46568</v>
      </c>
      <c r="I53" s="3">
        <v>225000</v>
      </c>
      <c r="J53" s="1" t="s">
        <v>275</v>
      </c>
      <c r="K53" s="1" t="s">
        <v>276</v>
      </c>
      <c r="L53" s="1" t="s">
        <v>31</v>
      </c>
    </row>
    <row r="54" spans="1:12" x14ac:dyDescent="0.2">
      <c r="A54" s="1" t="s">
        <v>208</v>
      </c>
      <c r="B54" s="1" t="s">
        <v>277</v>
      </c>
      <c r="C54" t="s">
        <v>278</v>
      </c>
      <c r="D54" s="1" t="s">
        <v>279</v>
      </c>
      <c r="E54" s="2">
        <v>43278</v>
      </c>
      <c r="F54" s="2">
        <v>43264</v>
      </c>
      <c r="G54" s="1" t="s">
        <v>16</v>
      </c>
      <c r="H54" s="2">
        <v>46916</v>
      </c>
      <c r="I54" s="3">
        <v>13000</v>
      </c>
      <c r="J54" s="11" t="s">
        <v>280</v>
      </c>
      <c r="K54" s="1" t="s">
        <v>281</v>
      </c>
      <c r="L54" s="1" t="s">
        <v>16</v>
      </c>
    </row>
    <row r="55" spans="1:12" x14ac:dyDescent="0.2">
      <c r="A55" s="1" t="s">
        <v>208</v>
      </c>
      <c r="B55" s="1" t="s">
        <v>282</v>
      </c>
      <c r="C55" t="s">
        <v>283</v>
      </c>
      <c r="D55" s="1" t="s">
        <v>284</v>
      </c>
      <c r="E55" s="2">
        <v>45314</v>
      </c>
      <c r="F55" s="2">
        <v>45314</v>
      </c>
      <c r="G55" s="1" t="s">
        <v>217</v>
      </c>
      <c r="H55" s="2">
        <v>46409</v>
      </c>
      <c r="I55" s="3">
        <v>1400000</v>
      </c>
      <c r="J55" s="1" t="s">
        <v>285</v>
      </c>
      <c r="K55" s="1" t="s">
        <v>286</v>
      </c>
      <c r="L55" s="1" t="s">
        <v>31</v>
      </c>
    </row>
    <row r="56" spans="1:12" x14ac:dyDescent="0.2">
      <c r="A56" s="1" t="s">
        <v>208</v>
      </c>
      <c r="B56" s="1" t="s">
        <v>287</v>
      </c>
      <c r="C56" t="s">
        <v>288</v>
      </c>
      <c r="D56" s="1" t="s">
        <v>289</v>
      </c>
      <c r="E56" s="2">
        <v>45806</v>
      </c>
      <c r="F56" s="2">
        <v>45810</v>
      </c>
      <c r="G56" s="1" t="s">
        <v>290</v>
      </c>
      <c r="H56" s="2">
        <v>47695</v>
      </c>
      <c r="I56" s="3">
        <v>18500000</v>
      </c>
      <c r="J56" s="11" t="s">
        <v>46</v>
      </c>
      <c r="K56" s="1" t="s">
        <v>291</v>
      </c>
      <c r="L56" s="1" t="s">
        <v>16</v>
      </c>
    </row>
    <row r="57" spans="1:12" x14ac:dyDescent="0.2">
      <c r="A57" s="1" t="s">
        <v>208</v>
      </c>
      <c r="B57" s="1" t="s">
        <v>292</v>
      </c>
      <c r="C57" t="s">
        <v>293</v>
      </c>
      <c r="D57" s="1" t="s">
        <v>294</v>
      </c>
      <c r="E57" s="2">
        <v>44973</v>
      </c>
      <c r="F57" s="2">
        <v>44986</v>
      </c>
      <c r="G57" s="1" t="s">
        <v>295</v>
      </c>
      <c r="H57" s="2">
        <v>46446</v>
      </c>
      <c r="I57" s="3">
        <v>20000</v>
      </c>
      <c r="J57" s="1" t="s">
        <v>296</v>
      </c>
      <c r="K57" s="1" t="s">
        <v>297</v>
      </c>
      <c r="L57" s="1" t="s">
        <v>16</v>
      </c>
    </row>
    <row r="58" spans="1:12" x14ac:dyDescent="0.2">
      <c r="A58" s="1" t="s">
        <v>208</v>
      </c>
      <c r="B58" s="1" t="s">
        <v>298</v>
      </c>
      <c r="C58" t="s">
        <v>299</v>
      </c>
      <c r="D58" s="1" t="s">
        <v>300</v>
      </c>
      <c r="E58" s="2">
        <v>44540</v>
      </c>
      <c r="F58" s="2">
        <v>44540</v>
      </c>
      <c r="G58" s="1" t="s">
        <v>212</v>
      </c>
      <c r="H58" s="2">
        <v>46365</v>
      </c>
      <c r="I58" s="3">
        <v>2297670</v>
      </c>
      <c r="J58" s="1" t="s">
        <v>301</v>
      </c>
      <c r="K58" s="1" t="s">
        <v>298</v>
      </c>
      <c r="L58" s="1" t="s">
        <v>16</v>
      </c>
    </row>
    <row r="59" spans="1:12" x14ac:dyDescent="0.2">
      <c r="A59" s="1" t="s">
        <v>208</v>
      </c>
      <c r="B59" s="1" t="s">
        <v>302</v>
      </c>
      <c r="C59" t="s">
        <v>303</v>
      </c>
      <c r="D59" s="1" t="s">
        <v>304</v>
      </c>
      <c r="E59" s="2">
        <v>45700</v>
      </c>
      <c r="F59" s="2">
        <v>45700</v>
      </c>
      <c r="G59" s="1" t="s">
        <v>16</v>
      </c>
      <c r="H59" s="2">
        <v>46794</v>
      </c>
      <c r="I59" s="3">
        <v>36000</v>
      </c>
      <c r="J59" s="11" t="s">
        <v>305</v>
      </c>
      <c r="K59" s="1" t="s">
        <v>306</v>
      </c>
      <c r="L59" s="1" t="s">
        <v>16</v>
      </c>
    </row>
    <row r="60" spans="1:12" x14ac:dyDescent="0.2">
      <c r="A60" s="1" t="s">
        <v>208</v>
      </c>
      <c r="B60" s="1" t="s">
        <v>307</v>
      </c>
      <c r="C60" t="s">
        <v>308</v>
      </c>
      <c r="D60" s="1" t="s">
        <v>309</v>
      </c>
      <c r="E60" s="2">
        <v>45020</v>
      </c>
      <c r="F60" s="2">
        <v>45047</v>
      </c>
      <c r="G60" s="1" t="s">
        <v>182</v>
      </c>
      <c r="H60" s="2">
        <v>46507</v>
      </c>
      <c r="I60" s="3">
        <v>415000</v>
      </c>
      <c r="J60" s="1" t="s">
        <v>310</v>
      </c>
      <c r="K60" s="1" t="s">
        <v>311</v>
      </c>
      <c r="L60" s="1" t="s">
        <v>31</v>
      </c>
    </row>
    <row r="61" spans="1:12" x14ac:dyDescent="0.2">
      <c r="A61" s="1" t="s">
        <v>208</v>
      </c>
      <c r="B61" s="1" t="s">
        <v>312</v>
      </c>
      <c r="C61" t="s">
        <v>313</v>
      </c>
      <c r="D61" s="1" t="s">
        <v>314</v>
      </c>
      <c r="E61" s="2">
        <v>43528</v>
      </c>
      <c r="F61" s="2">
        <v>43528</v>
      </c>
      <c r="G61" s="1" t="s">
        <v>295</v>
      </c>
      <c r="H61" s="2">
        <v>46449</v>
      </c>
      <c r="I61" s="3">
        <v>280000</v>
      </c>
      <c r="J61" s="1" t="s">
        <v>315</v>
      </c>
      <c r="K61" s="1" t="s">
        <v>316</v>
      </c>
      <c r="L61" s="1" t="s">
        <v>16</v>
      </c>
    </row>
    <row r="62" spans="1:12" x14ac:dyDescent="0.2">
      <c r="A62" s="1" t="s">
        <v>208</v>
      </c>
      <c r="B62" s="1" t="s">
        <v>317</v>
      </c>
      <c r="C62" t="s">
        <v>318</v>
      </c>
      <c r="D62" s="1" t="s">
        <v>319</v>
      </c>
      <c r="E62" s="2">
        <v>45342</v>
      </c>
      <c r="F62" s="2">
        <v>45357</v>
      </c>
      <c r="G62" s="1" t="s">
        <v>320</v>
      </c>
      <c r="H62" s="2">
        <v>47182</v>
      </c>
      <c r="I62" s="3">
        <v>4780765</v>
      </c>
      <c r="J62" s="11" t="s">
        <v>321</v>
      </c>
      <c r="K62" s="1" t="s">
        <v>322</v>
      </c>
      <c r="L62" s="1" t="s">
        <v>16</v>
      </c>
    </row>
    <row r="63" spans="1:12" x14ac:dyDescent="0.2">
      <c r="A63" s="1" t="s">
        <v>208</v>
      </c>
      <c r="B63" s="1" t="s">
        <v>323</v>
      </c>
      <c r="C63" t="s">
        <v>324</v>
      </c>
      <c r="D63" s="1" t="s">
        <v>325</v>
      </c>
      <c r="E63" s="2">
        <v>45911</v>
      </c>
      <c r="F63" s="2">
        <v>45945</v>
      </c>
      <c r="G63" s="1" t="s">
        <v>36</v>
      </c>
      <c r="H63" s="2">
        <v>47405</v>
      </c>
      <c r="I63" s="3">
        <v>240000</v>
      </c>
      <c r="J63" s="1" t="s">
        <v>46</v>
      </c>
      <c r="K63" s="1" t="s">
        <v>326</v>
      </c>
      <c r="L63" s="1" t="s">
        <v>16</v>
      </c>
    </row>
    <row r="64" spans="1:12" x14ac:dyDescent="0.2">
      <c r="A64" s="1" t="s">
        <v>208</v>
      </c>
      <c r="B64" s="1" t="s">
        <v>327</v>
      </c>
      <c r="C64" t="s">
        <v>328</v>
      </c>
      <c r="D64" s="1" t="s">
        <v>329</v>
      </c>
      <c r="E64" s="2">
        <v>45830</v>
      </c>
      <c r="F64" s="2">
        <v>45838</v>
      </c>
      <c r="G64" s="1" t="s">
        <v>330</v>
      </c>
      <c r="H64" s="2">
        <v>47663</v>
      </c>
      <c r="I64" s="3">
        <v>106000</v>
      </c>
      <c r="J64" s="1" t="s">
        <v>46</v>
      </c>
      <c r="K64" s="1" t="s">
        <v>331</v>
      </c>
      <c r="L64" s="1" t="s">
        <v>16</v>
      </c>
    </row>
    <row r="65" spans="1:12" x14ac:dyDescent="0.2">
      <c r="A65" s="4" t="s">
        <v>208</v>
      </c>
      <c r="B65" s="4" t="s">
        <v>332</v>
      </c>
      <c r="C65" s="5" t="s">
        <v>333</v>
      </c>
      <c r="D65" s="4" t="s">
        <v>334</v>
      </c>
      <c r="E65" s="6">
        <v>45112</v>
      </c>
      <c r="F65" s="6">
        <v>45383</v>
      </c>
      <c r="G65" s="4" t="s">
        <v>335</v>
      </c>
      <c r="H65" s="6">
        <v>46477</v>
      </c>
      <c r="I65" s="7">
        <v>3500000</v>
      </c>
      <c r="J65" s="12" t="s">
        <v>336</v>
      </c>
      <c r="K65" s="4" t="s">
        <v>337</v>
      </c>
      <c r="L65" s="4" t="s">
        <v>31</v>
      </c>
    </row>
    <row r="66" spans="1:12" x14ac:dyDescent="0.2">
      <c r="A66" s="1" t="s">
        <v>208</v>
      </c>
      <c r="B66" s="1" t="s">
        <v>338</v>
      </c>
      <c r="C66" t="s">
        <v>339</v>
      </c>
      <c r="D66" s="1" t="s">
        <v>340</v>
      </c>
      <c r="E66" s="2">
        <v>45383</v>
      </c>
      <c r="F66" s="2">
        <v>45383</v>
      </c>
      <c r="G66" s="1" t="s">
        <v>182</v>
      </c>
      <c r="H66" s="2">
        <v>47573</v>
      </c>
      <c r="I66" s="3">
        <v>800000</v>
      </c>
      <c r="J66" s="11" t="s">
        <v>341</v>
      </c>
      <c r="K66" s="1"/>
      <c r="L66" s="1" t="s">
        <v>31</v>
      </c>
    </row>
    <row r="67" spans="1:12" x14ac:dyDescent="0.2">
      <c r="A67" s="1" t="s">
        <v>208</v>
      </c>
      <c r="B67" s="1" t="s">
        <v>342</v>
      </c>
      <c r="C67" t="s">
        <v>343</v>
      </c>
      <c r="D67" s="1" t="s">
        <v>344</v>
      </c>
      <c r="E67" s="2">
        <v>45009</v>
      </c>
      <c r="F67" s="2">
        <v>45019</v>
      </c>
      <c r="G67" s="1" t="s">
        <v>345</v>
      </c>
      <c r="H67" s="2">
        <v>46479</v>
      </c>
      <c r="I67" s="3">
        <v>49000</v>
      </c>
      <c r="J67" s="1" t="s">
        <v>346</v>
      </c>
      <c r="K67" s="1" t="s">
        <v>347</v>
      </c>
      <c r="L67" s="1" t="s">
        <v>16</v>
      </c>
    </row>
    <row r="68" spans="1:12" x14ac:dyDescent="0.2">
      <c r="A68" s="1" t="s">
        <v>208</v>
      </c>
      <c r="B68" s="1" t="s">
        <v>348</v>
      </c>
      <c r="C68" t="s">
        <v>349</v>
      </c>
      <c r="D68" s="1" t="s">
        <v>350</v>
      </c>
      <c r="E68" s="2">
        <v>45524</v>
      </c>
      <c r="F68" s="2">
        <v>45536</v>
      </c>
      <c r="G68" s="1" t="s">
        <v>16</v>
      </c>
      <c r="H68" s="2">
        <v>46996</v>
      </c>
      <c r="I68" s="3">
        <v>15000</v>
      </c>
      <c r="J68" s="1" t="s">
        <v>351</v>
      </c>
      <c r="K68" s="1" t="s">
        <v>352</v>
      </c>
      <c r="L68" s="1" t="s">
        <v>39</v>
      </c>
    </row>
    <row r="69" spans="1:12" x14ac:dyDescent="0.2">
      <c r="A69" s="1" t="s">
        <v>208</v>
      </c>
      <c r="B69" s="1" t="s">
        <v>353</v>
      </c>
      <c r="C69" t="s">
        <v>354</v>
      </c>
      <c r="D69" s="1" t="s">
        <v>355</v>
      </c>
      <c r="E69" s="2">
        <v>45329</v>
      </c>
      <c r="F69" s="2">
        <v>45383</v>
      </c>
      <c r="G69" s="1" t="s">
        <v>74</v>
      </c>
      <c r="H69" s="2">
        <v>46477</v>
      </c>
      <c r="I69" s="3">
        <v>850000</v>
      </c>
      <c r="J69" s="11" t="s">
        <v>356</v>
      </c>
      <c r="K69" s="1" t="s">
        <v>357</v>
      </c>
      <c r="L69" s="1" t="s">
        <v>31</v>
      </c>
    </row>
    <row r="70" spans="1:12" x14ac:dyDescent="0.2">
      <c r="A70" s="1" t="s">
        <v>208</v>
      </c>
      <c r="B70" s="1" t="s">
        <v>358</v>
      </c>
      <c r="C70" t="s">
        <v>359</v>
      </c>
      <c r="D70" s="1" t="s">
        <v>360</v>
      </c>
      <c r="E70" s="2">
        <v>45593</v>
      </c>
      <c r="F70" s="2">
        <v>45625</v>
      </c>
      <c r="G70" s="1" t="s">
        <v>361</v>
      </c>
      <c r="H70" s="2">
        <v>47450</v>
      </c>
      <c r="I70" s="3">
        <v>1875727</v>
      </c>
      <c r="J70" s="1" t="s">
        <v>362</v>
      </c>
      <c r="K70" s="1" t="s">
        <v>363</v>
      </c>
      <c r="L70" s="1" t="s">
        <v>16</v>
      </c>
    </row>
    <row r="71" spans="1:12" x14ac:dyDescent="0.2">
      <c r="A71" s="1" t="s">
        <v>364</v>
      </c>
      <c r="B71" s="1" t="s">
        <v>365</v>
      </c>
      <c r="C71" t="s">
        <v>366</v>
      </c>
      <c r="D71" s="1" t="s">
        <v>367</v>
      </c>
      <c r="E71" s="2">
        <v>44773</v>
      </c>
      <c r="F71" s="2">
        <v>44774</v>
      </c>
      <c r="G71" s="1" t="s">
        <v>16</v>
      </c>
      <c r="H71" s="2">
        <v>46234</v>
      </c>
      <c r="I71" s="3">
        <v>15000</v>
      </c>
      <c r="J71" s="1" t="s">
        <v>368</v>
      </c>
      <c r="K71" s="1" t="s">
        <v>369</v>
      </c>
      <c r="L71" s="1" t="s">
        <v>31</v>
      </c>
    </row>
    <row r="72" spans="1:12" x14ac:dyDescent="0.2">
      <c r="A72" s="1" t="s">
        <v>370</v>
      </c>
      <c r="B72" s="1" t="s">
        <v>371</v>
      </c>
      <c r="C72" t="s">
        <v>372</v>
      </c>
      <c r="D72" s="1" t="s">
        <v>373</v>
      </c>
      <c r="E72" s="2">
        <v>44447</v>
      </c>
      <c r="F72" s="2">
        <v>44470</v>
      </c>
      <c r="G72" s="1" t="s">
        <v>143</v>
      </c>
      <c r="H72" s="2">
        <v>46295</v>
      </c>
      <c r="I72" s="3">
        <v>10000</v>
      </c>
      <c r="J72" s="1" t="s">
        <v>374</v>
      </c>
      <c r="K72" s="1" t="s">
        <v>375</v>
      </c>
      <c r="L72" s="1" t="s">
        <v>16</v>
      </c>
    </row>
    <row r="73" spans="1:12" x14ac:dyDescent="0.2">
      <c r="A73" s="1" t="s">
        <v>376</v>
      </c>
      <c r="B73" s="1" t="s">
        <v>377</v>
      </c>
      <c r="C73" t="s">
        <v>378</v>
      </c>
      <c r="D73" s="1" t="s">
        <v>379</v>
      </c>
      <c r="E73" s="2">
        <v>44538</v>
      </c>
      <c r="F73" s="2">
        <v>44538</v>
      </c>
      <c r="G73" s="1" t="s">
        <v>143</v>
      </c>
      <c r="H73" s="2">
        <v>46363</v>
      </c>
      <c r="I73" s="3">
        <v>175000</v>
      </c>
      <c r="J73" s="1" t="s">
        <v>380</v>
      </c>
      <c r="K73" s="1" t="s">
        <v>377</v>
      </c>
      <c r="L73" s="1" t="s">
        <v>16</v>
      </c>
    </row>
    <row r="74" spans="1:12" x14ac:dyDescent="0.2">
      <c r="A74" s="1" t="s">
        <v>376</v>
      </c>
      <c r="B74" s="1" t="s">
        <v>381</v>
      </c>
      <c r="C74" t="s">
        <v>382</v>
      </c>
      <c r="D74" s="1" t="s">
        <v>383</v>
      </c>
      <c r="E74" s="2">
        <v>44421</v>
      </c>
      <c r="F74" s="2">
        <v>44421</v>
      </c>
      <c r="G74" s="1" t="s">
        <v>143</v>
      </c>
      <c r="H74" s="2">
        <v>46246</v>
      </c>
      <c r="I74" s="3">
        <v>150000</v>
      </c>
      <c r="J74" s="1" t="s">
        <v>384</v>
      </c>
      <c r="K74" s="1" t="s">
        <v>385</v>
      </c>
      <c r="L74" s="1" t="s">
        <v>16</v>
      </c>
    </row>
    <row r="75" spans="1:12" x14ac:dyDescent="0.2">
      <c r="A75" s="1" t="s">
        <v>386</v>
      </c>
      <c r="B75" s="1" t="s">
        <v>387</v>
      </c>
      <c r="C75" t="s">
        <v>388</v>
      </c>
      <c r="D75" s="1" t="s">
        <v>389</v>
      </c>
      <c r="E75" s="2">
        <v>45421</v>
      </c>
      <c r="F75" s="2">
        <v>45422</v>
      </c>
      <c r="G75" s="1" t="s">
        <v>330</v>
      </c>
      <c r="H75" s="2">
        <v>47247</v>
      </c>
      <c r="I75" s="3">
        <v>20000</v>
      </c>
      <c r="J75" s="1" t="s">
        <v>390</v>
      </c>
      <c r="K75" s="1" t="s">
        <v>391</v>
      </c>
      <c r="L75" s="1" t="s">
        <v>16</v>
      </c>
    </row>
    <row r="76" spans="1:12" x14ac:dyDescent="0.2">
      <c r="A76" s="1" t="s">
        <v>386</v>
      </c>
      <c r="B76" s="1" t="s">
        <v>392</v>
      </c>
      <c r="C76" t="s">
        <v>393</v>
      </c>
      <c r="D76" s="1" t="s">
        <v>394</v>
      </c>
      <c r="E76" s="2">
        <v>43677</v>
      </c>
      <c r="F76" s="2">
        <v>43678</v>
      </c>
      <c r="G76" s="1" t="s">
        <v>16</v>
      </c>
      <c r="H76" s="2">
        <v>46387</v>
      </c>
      <c r="I76" s="3">
        <v>30000</v>
      </c>
      <c r="J76" s="1" t="s">
        <v>395</v>
      </c>
      <c r="K76" s="1" t="s">
        <v>396</v>
      </c>
      <c r="L76" s="1" t="s">
        <v>16</v>
      </c>
    </row>
    <row r="77" spans="1:12" x14ac:dyDescent="0.2">
      <c r="A77" s="1" t="s">
        <v>397</v>
      </c>
      <c r="B77" s="1" t="s">
        <v>398</v>
      </c>
      <c r="C77" t="s">
        <v>399</v>
      </c>
      <c r="D77" s="1" t="s">
        <v>400</v>
      </c>
      <c r="E77" s="2">
        <v>44418</v>
      </c>
      <c r="F77" s="2">
        <v>44440</v>
      </c>
      <c r="G77" s="1" t="s">
        <v>16</v>
      </c>
      <c r="H77" s="2">
        <v>46265</v>
      </c>
      <c r="I77" s="3">
        <v>35000</v>
      </c>
      <c r="J77" s="1" t="s">
        <v>401</v>
      </c>
      <c r="K77" s="1" t="s">
        <v>402</v>
      </c>
      <c r="L77" s="1" t="s">
        <v>16</v>
      </c>
    </row>
    <row r="78" spans="1:12" x14ac:dyDescent="0.2">
      <c r="A78" s="1" t="s">
        <v>397</v>
      </c>
      <c r="B78" s="1" t="s">
        <v>403</v>
      </c>
      <c r="C78" t="s">
        <v>404</v>
      </c>
      <c r="D78" s="1" t="s">
        <v>405</v>
      </c>
      <c r="E78" s="2">
        <v>45208</v>
      </c>
      <c r="F78" s="2">
        <v>45209</v>
      </c>
      <c r="G78" s="1" t="s">
        <v>36</v>
      </c>
      <c r="H78" s="2">
        <v>46304</v>
      </c>
      <c r="I78" s="3">
        <v>50000</v>
      </c>
      <c r="J78" s="1" t="s">
        <v>406</v>
      </c>
      <c r="K78" s="1" t="s">
        <v>407</v>
      </c>
      <c r="L78" s="1" t="s">
        <v>16</v>
      </c>
    </row>
    <row r="79" spans="1:12" x14ac:dyDescent="0.2">
      <c r="A79" s="1" t="s">
        <v>408</v>
      </c>
      <c r="B79" s="1" t="s">
        <v>409</v>
      </c>
      <c r="C79" t="s">
        <v>410</v>
      </c>
      <c r="D79" s="1" t="s">
        <v>411</v>
      </c>
      <c r="E79" s="2">
        <v>45821</v>
      </c>
      <c r="F79" s="2">
        <v>45821</v>
      </c>
      <c r="G79" s="1" t="s">
        <v>412</v>
      </c>
      <c r="H79" s="2">
        <v>48579</v>
      </c>
      <c r="I79" s="3">
        <v>1300000</v>
      </c>
      <c r="J79" s="1" t="s">
        <v>46</v>
      </c>
      <c r="K79" s="1" t="s">
        <v>413</v>
      </c>
      <c r="L79" s="1" t="s">
        <v>31</v>
      </c>
    </row>
    <row r="80" spans="1:12" x14ac:dyDescent="0.2">
      <c r="A80" s="1" t="s">
        <v>408</v>
      </c>
      <c r="B80" s="1" t="s">
        <v>414</v>
      </c>
      <c r="C80" t="s">
        <v>415</v>
      </c>
      <c r="D80" s="1" t="s">
        <v>416</v>
      </c>
      <c r="E80" s="2">
        <v>44021</v>
      </c>
      <c r="F80" s="2">
        <v>44081</v>
      </c>
      <c r="G80" s="1" t="s">
        <v>143</v>
      </c>
      <c r="H80" s="2">
        <v>46271</v>
      </c>
      <c r="I80" s="3">
        <v>70000</v>
      </c>
      <c r="J80" s="1" t="s">
        <v>417</v>
      </c>
      <c r="K80" s="1" t="s">
        <v>418</v>
      </c>
      <c r="L80" s="1" t="s">
        <v>16</v>
      </c>
    </row>
    <row r="81" spans="1:12" x14ac:dyDescent="0.2">
      <c r="A81" s="1" t="s">
        <v>419</v>
      </c>
      <c r="B81" s="1" t="s">
        <v>420</v>
      </c>
      <c r="C81" t="s">
        <v>421</v>
      </c>
      <c r="D81" s="1" t="s">
        <v>422</v>
      </c>
      <c r="E81" s="2">
        <v>45379</v>
      </c>
      <c r="F81" s="2">
        <v>45398</v>
      </c>
      <c r="G81" s="1" t="s">
        <v>330</v>
      </c>
      <c r="H81" s="2">
        <v>46478</v>
      </c>
      <c r="I81" s="3">
        <v>850000</v>
      </c>
      <c r="J81" s="1" t="s">
        <v>423</v>
      </c>
      <c r="K81" s="1" t="s">
        <v>424</v>
      </c>
      <c r="L81" s="1" t="s">
        <v>16</v>
      </c>
    </row>
    <row r="82" spans="1:12" x14ac:dyDescent="0.2">
      <c r="A82" s="1" t="s">
        <v>425</v>
      </c>
      <c r="B82" s="1" t="s">
        <v>426</v>
      </c>
      <c r="C82" t="s">
        <v>427</v>
      </c>
      <c r="D82" s="1" t="s">
        <v>428</v>
      </c>
      <c r="E82" s="2">
        <v>45839</v>
      </c>
      <c r="F82" s="2">
        <v>45839</v>
      </c>
      <c r="G82" s="1" t="s">
        <v>36</v>
      </c>
      <c r="H82" s="2">
        <v>46568</v>
      </c>
      <c r="I82" s="3">
        <v>260000</v>
      </c>
      <c r="J82" s="1" t="s">
        <v>46</v>
      </c>
      <c r="K82" s="1"/>
      <c r="L82" s="1" t="s">
        <v>16</v>
      </c>
    </row>
    <row r="83" spans="1:12" x14ac:dyDescent="0.2">
      <c r="A83" s="1" t="s">
        <v>425</v>
      </c>
      <c r="B83" s="1" t="s">
        <v>429</v>
      </c>
      <c r="C83" t="s">
        <v>430</v>
      </c>
      <c r="D83" s="1" t="s">
        <v>431</v>
      </c>
      <c r="E83" s="2">
        <v>45086</v>
      </c>
      <c r="F83" s="2">
        <v>45086</v>
      </c>
      <c r="G83" s="1" t="s">
        <v>36</v>
      </c>
      <c r="H83" s="2">
        <v>46182</v>
      </c>
      <c r="I83" s="3">
        <v>27722</v>
      </c>
      <c r="J83" s="1" t="s">
        <v>432</v>
      </c>
      <c r="K83" s="1" t="s">
        <v>433</v>
      </c>
      <c r="L83" s="1" t="s">
        <v>16</v>
      </c>
    </row>
    <row r="84" spans="1:12" x14ac:dyDescent="0.2">
      <c r="A84" s="1" t="s">
        <v>425</v>
      </c>
      <c r="B84" s="1" t="s">
        <v>434</v>
      </c>
      <c r="C84" t="s">
        <v>435</v>
      </c>
      <c r="D84" s="1" t="s">
        <v>436</v>
      </c>
      <c r="E84" s="2">
        <v>44781</v>
      </c>
      <c r="F84" s="2">
        <v>44781</v>
      </c>
      <c r="G84" s="1" t="s">
        <v>36</v>
      </c>
      <c r="H84" s="2">
        <v>46630</v>
      </c>
      <c r="I84" s="3">
        <v>47000</v>
      </c>
      <c r="J84" s="1" t="s">
        <v>437</v>
      </c>
      <c r="K84" s="1" t="s">
        <v>438</v>
      </c>
      <c r="L84" s="1" t="s">
        <v>16</v>
      </c>
    </row>
    <row r="85" spans="1:12" x14ac:dyDescent="0.2">
      <c r="A85" s="1" t="s">
        <v>425</v>
      </c>
      <c r="B85" s="1" t="s">
        <v>439</v>
      </c>
      <c r="C85" t="s">
        <v>440</v>
      </c>
      <c r="D85" s="1" t="s">
        <v>441</v>
      </c>
      <c r="E85" s="2">
        <v>45091</v>
      </c>
      <c r="F85" s="2">
        <v>45108</v>
      </c>
      <c r="G85" s="1" t="s">
        <v>74</v>
      </c>
      <c r="H85" s="2">
        <v>46234</v>
      </c>
      <c r="I85" s="3">
        <v>285000</v>
      </c>
      <c r="J85" s="1" t="s">
        <v>442</v>
      </c>
      <c r="K85" s="1" t="s">
        <v>443</v>
      </c>
      <c r="L85" s="1" t="s">
        <v>39</v>
      </c>
    </row>
    <row r="86" spans="1:12" x14ac:dyDescent="0.2">
      <c r="A86" s="1" t="s">
        <v>425</v>
      </c>
      <c r="B86" s="1" t="s">
        <v>444</v>
      </c>
      <c r="C86" t="s">
        <v>445</v>
      </c>
      <c r="D86" s="1" t="s">
        <v>446</v>
      </c>
      <c r="E86" s="2">
        <v>45663</v>
      </c>
      <c r="F86" s="2">
        <v>45809</v>
      </c>
      <c r="G86" s="1" t="s">
        <v>16</v>
      </c>
      <c r="H86" s="2">
        <v>46934</v>
      </c>
      <c r="I86" s="3">
        <v>80000</v>
      </c>
      <c r="J86" s="1" t="s">
        <v>46</v>
      </c>
      <c r="K86" s="1" t="s">
        <v>447</v>
      </c>
      <c r="L86" s="1" t="s">
        <v>31</v>
      </c>
    </row>
    <row r="87" spans="1:12" x14ac:dyDescent="0.2">
      <c r="A87" s="1" t="s">
        <v>425</v>
      </c>
      <c r="B87" s="1" t="s">
        <v>448</v>
      </c>
      <c r="C87" t="s">
        <v>449</v>
      </c>
      <c r="D87" s="1" t="s">
        <v>450</v>
      </c>
      <c r="E87" s="2">
        <v>44853</v>
      </c>
      <c r="F87" s="2">
        <v>44866</v>
      </c>
      <c r="G87" s="1" t="s">
        <v>16</v>
      </c>
      <c r="H87" s="2">
        <v>46326</v>
      </c>
      <c r="I87" s="3">
        <v>12000</v>
      </c>
      <c r="J87" s="1" t="s">
        <v>451</v>
      </c>
      <c r="K87" s="1" t="s">
        <v>452</v>
      </c>
      <c r="L87" s="1" t="s">
        <v>31</v>
      </c>
    </row>
    <row r="88" spans="1:12" x14ac:dyDescent="0.2">
      <c r="A88" s="1" t="s">
        <v>425</v>
      </c>
      <c r="B88" s="1" t="s">
        <v>453</v>
      </c>
      <c r="C88" t="s">
        <v>454</v>
      </c>
      <c r="D88" s="1" t="s">
        <v>455</v>
      </c>
      <c r="E88" s="2">
        <v>45635</v>
      </c>
      <c r="F88" s="2">
        <v>45689</v>
      </c>
      <c r="G88" s="1" t="s">
        <v>295</v>
      </c>
      <c r="H88" s="2">
        <v>46783</v>
      </c>
      <c r="I88" s="3">
        <v>15000</v>
      </c>
      <c r="J88" s="1" t="s">
        <v>46</v>
      </c>
      <c r="K88" s="1" t="s">
        <v>456</v>
      </c>
      <c r="L88" s="1" t="s">
        <v>16</v>
      </c>
    </row>
    <row r="89" spans="1:12" x14ac:dyDescent="0.2">
      <c r="A89" s="1" t="s">
        <v>425</v>
      </c>
      <c r="B89" s="1" t="s">
        <v>457</v>
      </c>
      <c r="C89" t="s">
        <v>458</v>
      </c>
      <c r="D89" s="1" t="s">
        <v>459</v>
      </c>
      <c r="E89" s="2">
        <v>45810</v>
      </c>
      <c r="F89" s="2">
        <v>45810</v>
      </c>
      <c r="G89" s="1" t="s">
        <v>143</v>
      </c>
      <c r="H89" s="2">
        <v>46905</v>
      </c>
      <c r="I89" s="3">
        <v>54000</v>
      </c>
      <c r="J89" s="1" t="s">
        <v>46</v>
      </c>
      <c r="K89" s="1" t="s">
        <v>460</v>
      </c>
      <c r="L89" s="1" t="s">
        <v>31</v>
      </c>
    </row>
    <row r="90" spans="1:12" x14ac:dyDescent="0.2">
      <c r="A90" s="1" t="s">
        <v>425</v>
      </c>
      <c r="B90" s="1" t="s">
        <v>461</v>
      </c>
      <c r="C90" t="s">
        <v>462</v>
      </c>
      <c r="D90" s="1" t="s">
        <v>463</v>
      </c>
      <c r="E90" s="2">
        <v>46034</v>
      </c>
      <c r="F90" s="2">
        <v>46041</v>
      </c>
      <c r="G90" s="1" t="s">
        <v>62</v>
      </c>
      <c r="H90" s="2">
        <v>47136</v>
      </c>
      <c r="I90" s="3">
        <v>50000</v>
      </c>
      <c r="J90" s="1" t="s">
        <v>46</v>
      </c>
      <c r="K90" s="1" t="s">
        <v>464</v>
      </c>
      <c r="L90" s="1" t="s">
        <v>16</v>
      </c>
    </row>
    <row r="91" spans="1:12" x14ac:dyDescent="0.2">
      <c r="A91" s="1" t="s">
        <v>465</v>
      </c>
      <c r="B91" s="1" t="s">
        <v>466</v>
      </c>
      <c r="C91" t="s">
        <v>467</v>
      </c>
      <c r="D91" s="1" t="s">
        <v>468</v>
      </c>
      <c r="E91" s="2">
        <v>44218</v>
      </c>
      <c r="F91" s="2">
        <v>44228</v>
      </c>
      <c r="G91" s="1" t="s">
        <v>469</v>
      </c>
      <c r="H91" s="2">
        <v>46418</v>
      </c>
      <c r="I91" s="3">
        <v>12000</v>
      </c>
      <c r="J91" s="1" t="s">
        <v>470</v>
      </c>
      <c r="K91" s="1" t="s">
        <v>471</v>
      </c>
      <c r="L91" s="1" t="s">
        <v>16</v>
      </c>
    </row>
    <row r="92" spans="1:12" x14ac:dyDescent="0.2">
      <c r="A92" s="1" t="s">
        <v>465</v>
      </c>
      <c r="B92" s="1" t="s">
        <v>472</v>
      </c>
      <c r="C92" t="s">
        <v>473</v>
      </c>
      <c r="D92" s="1" t="s">
        <v>73</v>
      </c>
      <c r="E92" s="2">
        <v>45282</v>
      </c>
      <c r="F92" s="2">
        <v>45289</v>
      </c>
      <c r="G92" s="1" t="s">
        <v>474</v>
      </c>
      <c r="H92" s="2">
        <v>46751</v>
      </c>
      <c r="I92" s="3">
        <v>1400000</v>
      </c>
      <c r="J92" s="1" t="s">
        <v>475</v>
      </c>
      <c r="K92" s="1" t="s">
        <v>476</v>
      </c>
      <c r="L92" s="1" t="s">
        <v>477</v>
      </c>
    </row>
    <row r="93" spans="1:12" x14ac:dyDescent="0.2">
      <c r="A93" s="1" t="s">
        <v>478</v>
      </c>
      <c r="B93" s="1" t="s">
        <v>479</v>
      </c>
      <c r="C93" t="s">
        <v>480</v>
      </c>
      <c r="D93" s="1" t="s">
        <v>481</v>
      </c>
      <c r="E93" s="2">
        <v>45744</v>
      </c>
      <c r="F93" s="2">
        <v>45748</v>
      </c>
      <c r="G93" s="1" t="s">
        <v>62</v>
      </c>
      <c r="H93" s="2">
        <v>46477</v>
      </c>
      <c r="I93" s="3">
        <v>35000</v>
      </c>
      <c r="J93" s="1" t="s">
        <v>46</v>
      </c>
      <c r="K93" s="1" t="s">
        <v>482</v>
      </c>
      <c r="L93" s="1" t="s">
        <v>39</v>
      </c>
    </row>
    <row r="94" spans="1:12" x14ac:dyDescent="0.2">
      <c r="A94" s="1" t="s">
        <v>478</v>
      </c>
      <c r="B94" s="1" t="s">
        <v>483</v>
      </c>
      <c r="C94" t="s">
        <v>484</v>
      </c>
      <c r="D94" s="1" t="s">
        <v>485</v>
      </c>
      <c r="E94" s="2">
        <v>44890</v>
      </c>
      <c r="F94" s="2">
        <v>44890</v>
      </c>
      <c r="G94" s="1" t="s">
        <v>36</v>
      </c>
      <c r="H94" s="2">
        <v>46387</v>
      </c>
      <c r="I94" s="3">
        <v>85000</v>
      </c>
      <c r="J94" s="1" t="s">
        <v>486</v>
      </c>
      <c r="K94" s="1" t="s">
        <v>487</v>
      </c>
      <c r="L94" s="1" t="s">
        <v>39</v>
      </c>
    </row>
    <row r="95" spans="1:12" x14ac:dyDescent="0.2">
      <c r="A95" s="1" t="s">
        <v>478</v>
      </c>
      <c r="B95" s="1" t="s">
        <v>488</v>
      </c>
      <c r="C95" t="s">
        <v>489</v>
      </c>
      <c r="D95" s="1" t="s">
        <v>490</v>
      </c>
      <c r="E95" s="2">
        <v>44726</v>
      </c>
      <c r="F95" s="2">
        <v>44733</v>
      </c>
      <c r="G95" s="1" t="s">
        <v>16</v>
      </c>
      <c r="H95" s="2">
        <v>46558</v>
      </c>
      <c r="I95" s="3">
        <v>90000</v>
      </c>
      <c r="J95" s="1" t="s">
        <v>491</v>
      </c>
      <c r="K95" s="1" t="s">
        <v>492</v>
      </c>
      <c r="L95" s="1" t="s">
        <v>16</v>
      </c>
    </row>
    <row r="96" spans="1:12" x14ac:dyDescent="0.2">
      <c r="A96" s="1" t="s">
        <v>478</v>
      </c>
      <c r="B96" s="1" t="s">
        <v>493</v>
      </c>
      <c r="C96" t="s">
        <v>494</v>
      </c>
      <c r="D96" s="1" t="s">
        <v>495</v>
      </c>
      <c r="E96" s="2">
        <v>45741</v>
      </c>
      <c r="F96" s="2">
        <v>45748</v>
      </c>
      <c r="G96" s="1" t="s">
        <v>496</v>
      </c>
      <c r="H96" s="2">
        <v>47208</v>
      </c>
      <c r="I96" s="3">
        <v>90000</v>
      </c>
      <c r="J96" s="1" t="s">
        <v>46</v>
      </c>
      <c r="K96" s="1" t="s">
        <v>497</v>
      </c>
      <c r="L96" s="1" t="s">
        <v>31</v>
      </c>
    </row>
    <row r="97" spans="1:12" x14ac:dyDescent="0.2">
      <c r="A97" s="1" t="s">
        <v>478</v>
      </c>
      <c r="B97" s="1" t="s">
        <v>498</v>
      </c>
      <c r="C97" t="s">
        <v>499</v>
      </c>
      <c r="D97" s="1" t="s">
        <v>500</v>
      </c>
      <c r="E97" s="2">
        <v>45484</v>
      </c>
      <c r="F97" s="2">
        <v>45484</v>
      </c>
      <c r="G97" s="1" t="s">
        <v>16</v>
      </c>
      <c r="H97" s="2">
        <v>46944</v>
      </c>
      <c r="I97" s="3">
        <v>40000</v>
      </c>
      <c r="J97" s="1" t="s">
        <v>501</v>
      </c>
      <c r="K97" s="1" t="s">
        <v>498</v>
      </c>
      <c r="L97" s="1" t="s">
        <v>31</v>
      </c>
    </row>
    <row r="98" spans="1:12" x14ac:dyDescent="0.2">
      <c r="A98" s="1" t="s">
        <v>478</v>
      </c>
      <c r="B98" s="1" t="s">
        <v>502</v>
      </c>
      <c r="C98" t="s">
        <v>503</v>
      </c>
      <c r="D98" s="1" t="s">
        <v>504</v>
      </c>
      <c r="E98" s="2"/>
      <c r="F98" s="2">
        <v>45736</v>
      </c>
      <c r="G98" s="1" t="s">
        <v>16</v>
      </c>
      <c r="H98" s="2">
        <v>46112</v>
      </c>
      <c r="I98" s="3">
        <v>21000</v>
      </c>
      <c r="J98" s="1" t="s">
        <v>505</v>
      </c>
      <c r="K98" s="1" t="s">
        <v>506</v>
      </c>
      <c r="L98" s="1" t="s">
        <v>16</v>
      </c>
    </row>
    <row r="99" spans="1:12" x14ac:dyDescent="0.2">
      <c r="A99" s="1" t="s">
        <v>478</v>
      </c>
      <c r="B99" s="1" t="s">
        <v>507</v>
      </c>
      <c r="C99" t="s">
        <v>508</v>
      </c>
      <c r="D99" s="1" t="s">
        <v>509</v>
      </c>
      <c r="E99" s="2">
        <v>45980</v>
      </c>
      <c r="F99" s="2">
        <v>45992</v>
      </c>
      <c r="G99" s="1" t="s">
        <v>510</v>
      </c>
      <c r="H99" s="2">
        <v>46721</v>
      </c>
      <c r="I99" s="3">
        <v>45000</v>
      </c>
      <c r="J99" s="1" t="s">
        <v>46</v>
      </c>
      <c r="K99" s="1" t="s">
        <v>511</v>
      </c>
      <c r="L99" s="1" t="s">
        <v>16</v>
      </c>
    </row>
    <row r="100" spans="1:12" x14ac:dyDescent="0.2">
      <c r="A100" s="1" t="s">
        <v>478</v>
      </c>
      <c r="B100" s="1" t="s">
        <v>512</v>
      </c>
      <c r="C100" t="s">
        <v>513</v>
      </c>
      <c r="D100" s="1" t="s">
        <v>514</v>
      </c>
      <c r="E100" s="2">
        <v>45029</v>
      </c>
      <c r="F100" s="2">
        <v>45029</v>
      </c>
      <c r="G100" s="1" t="s">
        <v>16</v>
      </c>
      <c r="H100" s="2">
        <v>46489</v>
      </c>
      <c r="I100" s="3">
        <v>360000</v>
      </c>
      <c r="J100" s="1" t="s">
        <v>515</v>
      </c>
      <c r="K100" s="1" t="s">
        <v>516</v>
      </c>
      <c r="L100" s="1" t="s">
        <v>31</v>
      </c>
    </row>
    <row r="101" spans="1:12" x14ac:dyDescent="0.2">
      <c r="A101" s="1" t="s">
        <v>478</v>
      </c>
      <c r="B101" s="1" t="s">
        <v>512</v>
      </c>
      <c r="C101" t="s">
        <v>513</v>
      </c>
      <c r="D101" s="1" t="s">
        <v>517</v>
      </c>
      <c r="E101" s="2">
        <v>45029</v>
      </c>
      <c r="F101" s="2">
        <v>45029</v>
      </c>
      <c r="G101" s="1" t="s">
        <v>16</v>
      </c>
      <c r="H101" s="2">
        <v>46489</v>
      </c>
      <c r="I101" s="3">
        <v>700000</v>
      </c>
      <c r="J101" s="1" t="s">
        <v>518</v>
      </c>
      <c r="K101" s="1" t="s">
        <v>519</v>
      </c>
      <c r="L101" s="1" t="s">
        <v>31</v>
      </c>
    </row>
    <row r="102" spans="1:12" x14ac:dyDescent="0.2">
      <c r="A102" s="1" t="s">
        <v>478</v>
      </c>
      <c r="B102" s="1" t="s">
        <v>512</v>
      </c>
      <c r="C102" t="s">
        <v>513</v>
      </c>
      <c r="D102" s="1" t="s">
        <v>520</v>
      </c>
      <c r="E102" s="2">
        <v>45029</v>
      </c>
      <c r="F102" s="2">
        <v>45029</v>
      </c>
      <c r="G102" s="1" t="s">
        <v>16</v>
      </c>
      <c r="H102" s="2">
        <v>46489</v>
      </c>
      <c r="I102" s="3">
        <v>660000</v>
      </c>
      <c r="J102" s="1" t="s">
        <v>521</v>
      </c>
      <c r="K102" s="1" t="s">
        <v>522</v>
      </c>
      <c r="L102" s="1" t="s">
        <v>31</v>
      </c>
    </row>
    <row r="103" spans="1:12" x14ac:dyDescent="0.2">
      <c r="A103" s="1" t="s">
        <v>478</v>
      </c>
      <c r="B103" s="1" t="s">
        <v>512</v>
      </c>
      <c r="C103" t="s">
        <v>513</v>
      </c>
      <c r="D103" s="1" t="s">
        <v>523</v>
      </c>
      <c r="E103" s="2">
        <v>45029</v>
      </c>
      <c r="F103" s="2">
        <v>45029</v>
      </c>
      <c r="G103" s="1" t="s">
        <v>16</v>
      </c>
      <c r="H103" s="2">
        <v>46489</v>
      </c>
      <c r="I103" s="3">
        <v>660000</v>
      </c>
      <c r="J103" s="1" t="s">
        <v>524</v>
      </c>
      <c r="K103" s="1" t="s">
        <v>522</v>
      </c>
      <c r="L103" s="1" t="s">
        <v>31</v>
      </c>
    </row>
    <row r="104" spans="1:12" x14ac:dyDescent="0.2">
      <c r="A104" s="1" t="s">
        <v>478</v>
      </c>
      <c r="B104" s="1" t="s">
        <v>512</v>
      </c>
      <c r="C104" t="s">
        <v>513</v>
      </c>
      <c r="D104" s="1" t="s">
        <v>525</v>
      </c>
      <c r="E104" s="2">
        <v>45029</v>
      </c>
      <c r="F104" s="2">
        <v>45029</v>
      </c>
      <c r="G104" s="1" t="s">
        <v>16</v>
      </c>
      <c r="H104" s="2">
        <v>46489</v>
      </c>
      <c r="I104" s="3">
        <v>660000</v>
      </c>
      <c r="J104" s="1" t="s">
        <v>526</v>
      </c>
      <c r="K104" s="1" t="s">
        <v>527</v>
      </c>
      <c r="L104" s="1" t="s">
        <v>31</v>
      </c>
    </row>
    <row r="105" spans="1:12" x14ac:dyDescent="0.2">
      <c r="A105" s="1" t="s">
        <v>478</v>
      </c>
      <c r="B105" s="1" t="s">
        <v>512</v>
      </c>
      <c r="C105" t="s">
        <v>513</v>
      </c>
      <c r="D105" s="1" t="s">
        <v>528</v>
      </c>
      <c r="E105" s="2">
        <v>45029</v>
      </c>
      <c r="F105" s="2">
        <v>45029</v>
      </c>
      <c r="G105" s="1" t="s">
        <v>16</v>
      </c>
      <c r="H105" s="2">
        <v>46489</v>
      </c>
      <c r="I105" s="3">
        <v>660000</v>
      </c>
      <c r="J105" s="1" t="s">
        <v>529</v>
      </c>
      <c r="K105" s="1" t="s">
        <v>527</v>
      </c>
      <c r="L105" s="1" t="s">
        <v>31</v>
      </c>
    </row>
    <row r="106" spans="1:12" x14ac:dyDescent="0.2">
      <c r="A106" s="1" t="s">
        <v>530</v>
      </c>
      <c r="B106" s="1" t="s">
        <v>531</v>
      </c>
      <c r="C106" t="s">
        <v>532</v>
      </c>
      <c r="D106" s="1" t="s">
        <v>533</v>
      </c>
      <c r="E106" s="2">
        <v>41059</v>
      </c>
      <c r="F106" s="2">
        <v>42153</v>
      </c>
      <c r="G106" s="1" t="s">
        <v>16</v>
      </c>
      <c r="H106" s="2">
        <v>46536</v>
      </c>
      <c r="I106" s="3">
        <v>20000</v>
      </c>
      <c r="J106" s="1" t="s">
        <v>534</v>
      </c>
      <c r="K106" s="1" t="s">
        <v>535</v>
      </c>
      <c r="L106" s="1" t="s">
        <v>16</v>
      </c>
    </row>
    <row r="107" spans="1:12" x14ac:dyDescent="0.2">
      <c r="A107" s="1" t="s">
        <v>536</v>
      </c>
      <c r="B107" s="1" t="s">
        <v>537</v>
      </c>
      <c r="C107" t="s">
        <v>538</v>
      </c>
      <c r="D107" s="1" t="s">
        <v>539</v>
      </c>
      <c r="E107" s="2">
        <v>45266</v>
      </c>
      <c r="F107" s="2">
        <v>45334</v>
      </c>
      <c r="G107" s="1" t="s">
        <v>36</v>
      </c>
      <c r="H107" s="2">
        <v>46429</v>
      </c>
      <c r="I107" s="3">
        <v>40000</v>
      </c>
      <c r="J107" s="1" t="s">
        <v>540</v>
      </c>
      <c r="K107" s="1" t="s">
        <v>541</v>
      </c>
      <c r="L107" s="1" t="s">
        <v>16</v>
      </c>
    </row>
    <row r="108" spans="1:12" x14ac:dyDescent="0.2">
      <c r="A108" s="1" t="s">
        <v>536</v>
      </c>
      <c r="B108" s="1" t="s">
        <v>542</v>
      </c>
      <c r="C108" t="s">
        <v>543</v>
      </c>
      <c r="D108" s="1" t="s">
        <v>544</v>
      </c>
      <c r="E108" s="2">
        <v>45420</v>
      </c>
      <c r="F108" s="2">
        <v>45420</v>
      </c>
      <c r="G108" s="1" t="s">
        <v>545</v>
      </c>
      <c r="H108" s="2">
        <v>46149</v>
      </c>
      <c r="I108" s="3">
        <v>100000</v>
      </c>
      <c r="J108" s="1" t="s">
        <v>546</v>
      </c>
      <c r="K108" s="1" t="s">
        <v>547</v>
      </c>
      <c r="L108" s="1" t="s">
        <v>16</v>
      </c>
    </row>
    <row r="109" spans="1:12" x14ac:dyDescent="0.2">
      <c r="A109" s="1" t="s">
        <v>536</v>
      </c>
      <c r="B109" s="1" t="s">
        <v>548</v>
      </c>
      <c r="C109" t="s">
        <v>549</v>
      </c>
      <c r="D109" s="1" t="s">
        <v>550</v>
      </c>
      <c r="E109" s="2">
        <v>44301</v>
      </c>
      <c r="F109" s="2">
        <v>44320</v>
      </c>
      <c r="G109" s="1" t="s">
        <v>74</v>
      </c>
      <c r="H109" s="2">
        <v>46329</v>
      </c>
      <c r="I109" s="3">
        <v>23700</v>
      </c>
      <c r="J109" s="1" t="s">
        <v>551</v>
      </c>
      <c r="K109" s="1" t="s">
        <v>552</v>
      </c>
      <c r="L109" s="1" t="s">
        <v>16</v>
      </c>
    </row>
    <row r="110" spans="1:12" x14ac:dyDescent="0.2">
      <c r="A110" s="1" t="s">
        <v>536</v>
      </c>
      <c r="B110" s="1" t="s">
        <v>553</v>
      </c>
      <c r="C110" t="s">
        <v>554</v>
      </c>
      <c r="D110" s="1" t="s">
        <v>555</v>
      </c>
      <c r="E110" s="2">
        <v>44309</v>
      </c>
      <c r="F110" s="2">
        <v>44309</v>
      </c>
      <c r="G110" s="1" t="s">
        <v>182</v>
      </c>
      <c r="H110" s="2">
        <v>46330</v>
      </c>
      <c r="I110" s="3">
        <v>34000</v>
      </c>
      <c r="J110" s="1" t="s">
        <v>556</v>
      </c>
      <c r="K110" s="1" t="s">
        <v>557</v>
      </c>
      <c r="L110" s="1" t="s">
        <v>16</v>
      </c>
    </row>
    <row r="111" spans="1:12" x14ac:dyDescent="0.2">
      <c r="A111" s="1" t="s">
        <v>536</v>
      </c>
      <c r="B111" s="1" t="s">
        <v>558</v>
      </c>
      <c r="C111" t="s">
        <v>559</v>
      </c>
      <c r="D111" s="1" t="s">
        <v>560</v>
      </c>
      <c r="E111" s="2">
        <v>37895</v>
      </c>
      <c r="F111" s="2">
        <v>37895</v>
      </c>
      <c r="G111" s="1" t="s">
        <v>244</v>
      </c>
      <c r="H111" s="2">
        <v>46387</v>
      </c>
      <c r="I111" s="3">
        <v>45000</v>
      </c>
      <c r="J111" s="1" t="s">
        <v>561</v>
      </c>
      <c r="K111" s="1" t="s">
        <v>562</v>
      </c>
      <c r="L111" s="1" t="s">
        <v>16</v>
      </c>
    </row>
    <row r="112" spans="1:12" x14ac:dyDescent="0.2">
      <c r="A112" s="1" t="s">
        <v>536</v>
      </c>
      <c r="B112" s="1" t="s">
        <v>563</v>
      </c>
      <c r="C112" t="s">
        <v>564</v>
      </c>
      <c r="D112" s="1" t="s">
        <v>565</v>
      </c>
      <c r="E112" s="2">
        <v>45434</v>
      </c>
      <c r="F112" s="2">
        <v>45434</v>
      </c>
      <c r="G112" s="1" t="s">
        <v>182</v>
      </c>
      <c r="H112" s="2">
        <v>46203</v>
      </c>
      <c r="I112" s="3">
        <v>21000</v>
      </c>
      <c r="J112" s="1" t="s">
        <v>566</v>
      </c>
      <c r="K112" s="1" t="s">
        <v>567</v>
      </c>
      <c r="L112" s="1" t="s">
        <v>16</v>
      </c>
    </row>
    <row r="113" spans="1:12" x14ac:dyDescent="0.2">
      <c r="A113" s="1" t="s">
        <v>536</v>
      </c>
      <c r="B113" s="1" t="s">
        <v>568</v>
      </c>
      <c r="C113" t="s">
        <v>569</v>
      </c>
      <c r="D113" s="1" t="s">
        <v>570</v>
      </c>
      <c r="E113" s="2">
        <v>45525</v>
      </c>
      <c r="F113" s="2">
        <v>45537</v>
      </c>
      <c r="G113" s="1" t="s">
        <v>212</v>
      </c>
      <c r="H113" s="2">
        <v>46266</v>
      </c>
      <c r="I113" s="3">
        <v>45000</v>
      </c>
      <c r="J113" s="1" t="s">
        <v>571</v>
      </c>
      <c r="K113" s="1" t="s">
        <v>572</v>
      </c>
      <c r="L113" s="1" t="s">
        <v>16</v>
      </c>
    </row>
    <row r="114" spans="1:12" x14ac:dyDescent="0.2">
      <c r="A114" s="1" t="s">
        <v>536</v>
      </c>
      <c r="B114" s="1" t="s">
        <v>573</v>
      </c>
      <c r="C114" t="s">
        <v>574</v>
      </c>
      <c r="D114" s="1" t="s">
        <v>575</v>
      </c>
      <c r="E114" s="2">
        <v>44678</v>
      </c>
      <c r="F114" s="2">
        <v>44684</v>
      </c>
      <c r="G114" s="1" t="s">
        <v>182</v>
      </c>
      <c r="H114" s="2">
        <v>46144</v>
      </c>
      <c r="I114" s="3">
        <v>45000</v>
      </c>
      <c r="J114" s="1" t="s">
        <v>576</v>
      </c>
      <c r="K114" s="1" t="s">
        <v>577</v>
      </c>
      <c r="L114" s="1" t="s">
        <v>16</v>
      </c>
    </row>
    <row r="115" spans="1:12" x14ac:dyDescent="0.2">
      <c r="A115" s="1" t="s">
        <v>536</v>
      </c>
      <c r="B115" s="1" t="s">
        <v>578</v>
      </c>
      <c r="C115" t="s">
        <v>579</v>
      </c>
      <c r="D115" s="1" t="s">
        <v>580</v>
      </c>
      <c r="E115" s="2">
        <v>43720</v>
      </c>
      <c r="F115" s="2">
        <v>43720</v>
      </c>
      <c r="G115" s="1" t="s">
        <v>182</v>
      </c>
      <c r="H115" s="2">
        <v>46276</v>
      </c>
      <c r="I115" s="3">
        <v>60000</v>
      </c>
      <c r="J115" s="1" t="s">
        <v>581</v>
      </c>
      <c r="K115" s="1" t="s">
        <v>582</v>
      </c>
      <c r="L115" s="1" t="s">
        <v>16</v>
      </c>
    </row>
    <row r="116" spans="1:12" x14ac:dyDescent="0.2">
      <c r="A116" s="1" t="s">
        <v>536</v>
      </c>
      <c r="B116" s="1" t="s">
        <v>583</v>
      </c>
      <c r="C116" t="s">
        <v>584</v>
      </c>
      <c r="D116" s="1" t="s">
        <v>585</v>
      </c>
      <c r="E116" s="2">
        <v>45938</v>
      </c>
      <c r="F116" s="2">
        <v>45938</v>
      </c>
      <c r="G116" s="1" t="s">
        <v>586</v>
      </c>
      <c r="H116" s="2">
        <v>46660</v>
      </c>
      <c r="I116" s="3">
        <v>50000</v>
      </c>
      <c r="J116" s="1" t="s">
        <v>46</v>
      </c>
      <c r="K116" s="1"/>
      <c r="L116" s="1" t="s">
        <v>477</v>
      </c>
    </row>
    <row r="117" spans="1:12" x14ac:dyDescent="0.2">
      <c r="A117" s="1" t="s">
        <v>536</v>
      </c>
      <c r="B117" s="1" t="s">
        <v>587</v>
      </c>
      <c r="C117" t="s">
        <v>588</v>
      </c>
      <c r="D117" s="1" t="s">
        <v>589</v>
      </c>
      <c r="E117" s="2">
        <v>45245</v>
      </c>
      <c r="F117" s="2">
        <v>45245</v>
      </c>
      <c r="G117" s="1" t="s">
        <v>74</v>
      </c>
      <c r="H117" s="2">
        <v>46394</v>
      </c>
      <c r="I117" s="3">
        <v>45000</v>
      </c>
      <c r="J117" s="1" t="s">
        <v>590</v>
      </c>
      <c r="K117" s="1" t="s">
        <v>591</v>
      </c>
      <c r="L117" s="1" t="s">
        <v>16</v>
      </c>
    </row>
    <row r="118" spans="1:12" x14ac:dyDescent="0.2">
      <c r="A118" s="1" t="s">
        <v>536</v>
      </c>
      <c r="B118" s="1" t="s">
        <v>592</v>
      </c>
      <c r="C118" t="s">
        <v>593</v>
      </c>
      <c r="D118" s="1" t="s">
        <v>594</v>
      </c>
      <c r="E118" s="2">
        <v>44399</v>
      </c>
      <c r="F118" s="2">
        <v>44399</v>
      </c>
      <c r="G118" s="1" t="s">
        <v>182</v>
      </c>
      <c r="H118" s="2">
        <v>46265</v>
      </c>
      <c r="I118" s="3">
        <v>100000</v>
      </c>
      <c r="J118" s="1" t="s">
        <v>595</v>
      </c>
      <c r="K118" s="1" t="s">
        <v>596</v>
      </c>
      <c r="L118" s="1" t="s">
        <v>16</v>
      </c>
    </row>
    <row r="119" spans="1:12" x14ac:dyDescent="0.2">
      <c r="A119" s="1" t="s">
        <v>597</v>
      </c>
      <c r="B119" s="1" t="s">
        <v>598</v>
      </c>
      <c r="C119" t="s">
        <v>599</v>
      </c>
      <c r="D119" s="1" t="s">
        <v>600</v>
      </c>
      <c r="E119" s="2">
        <v>45020</v>
      </c>
      <c r="F119" s="2">
        <v>45027</v>
      </c>
      <c r="G119" s="1" t="s">
        <v>36</v>
      </c>
      <c r="H119" s="2">
        <v>46487</v>
      </c>
      <c r="I119" s="3">
        <v>180000</v>
      </c>
      <c r="J119" s="1" t="s">
        <v>601</v>
      </c>
      <c r="K119" s="1" t="s">
        <v>602</v>
      </c>
      <c r="L119" s="1" t="s">
        <v>16</v>
      </c>
    </row>
    <row r="120" spans="1:12" x14ac:dyDescent="0.2">
      <c r="A120" s="1" t="s">
        <v>603</v>
      </c>
      <c r="B120" s="1" t="s">
        <v>604</v>
      </c>
      <c r="C120" t="s">
        <v>605</v>
      </c>
      <c r="D120" s="1" t="s">
        <v>606</v>
      </c>
      <c r="E120" s="2">
        <v>44896</v>
      </c>
      <c r="F120" s="2">
        <v>44896</v>
      </c>
      <c r="G120" s="1" t="s">
        <v>74</v>
      </c>
      <c r="H120" s="2">
        <v>46348</v>
      </c>
      <c r="I120" s="3">
        <v>100000</v>
      </c>
      <c r="J120" s="1" t="s">
        <v>607</v>
      </c>
      <c r="K120" s="1" t="s">
        <v>608</v>
      </c>
      <c r="L120" s="1" t="s">
        <v>31</v>
      </c>
    </row>
    <row r="121" spans="1:12" x14ac:dyDescent="0.2">
      <c r="A121" s="1" t="s">
        <v>603</v>
      </c>
      <c r="B121" s="1" t="s">
        <v>609</v>
      </c>
      <c r="C121" t="s">
        <v>610</v>
      </c>
      <c r="D121" s="1" t="s">
        <v>611</v>
      </c>
      <c r="E121" s="2">
        <v>45200</v>
      </c>
      <c r="F121" s="2">
        <v>45200</v>
      </c>
      <c r="G121" s="1" t="s">
        <v>320</v>
      </c>
      <c r="H121" s="2">
        <v>47026</v>
      </c>
      <c r="I121" s="3">
        <v>50000</v>
      </c>
      <c r="J121" s="1" t="s">
        <v>612</v>
      </c>
      <c r="K121" s="1" t="s">
        <v>613</v>
      </c>
      <c r="L121" s="1" t="s">
        <v>16</v>
      </c>
    </row>
    <row r="122" spans="1:12" x14ac:dyDescent="0.2">
      <c r="A122" s="1" t="s">
        <v>603</v>
      </c>
      <c r="B122" s="1" t="s">
        <v>614</v>
      </c>
      <c r="C122" t="s">
        <v>615</v>
      </c>
      <c r="D122" s="1" t="s">
        <v>35</v>
      </c>
      <c r="E122" s="2">
        <v>44712</v>
      </c>
      <c r="F122" s="2">
        <v>44713</v>
      </c>
      <c r="G122" s="1" t="s">
        <v>182</v>
      </c>
      <c r="H122" s="2">
        <v>46173</v>
      </c>
      <c r="I122" s="3">
        <v>84000</v>
      </c>
      <c r="J122" s="1" t="s">
        <v>616</v>
      </c>
      <c r="K122" s="1" t="s">
        <v>617</v>
      </c>
      <c r="L122" s="1" t="s">
        <v>31</v>
      </c>
    </row>
    <row r="123" spans="1:12" x14ac:dyDescent="0.2">
      <c r="A123" s="1" t="s">
        <v>603</v>
      </c>
      <c r="B123" s="1" t="s">
        <v>618</v>
      </c>
      <c r="C123" t="s">
        <v>619</v>
      </c>
      <c r="D123" s="1" t="s">
        <v>620</v>
      </c>
      <c r="E123" s="2">
        <v>44588</v>
      </c>
      <c r="F123" s="2">
        <v>44652</v>
      </c>
      <c r="G123" s="1" t="s">
        <v>621</v>
      </c>
      <c r="H123" s="2">
        <v>46477</v>
      </c>
      <c r="I123" s="3">
        <v>57000</v>
      </c>
      <c r="J123" s="1" t="s">
        <v>622</v>
      </c>
      <c r="K123" s="1" t="s">
        <v>623</v>
      </c>
      <c r="L123" s="1" t="s">
        <v>16</v>
      </c>
    </row>
    <row r="124" spans="1:12" x14ac:dyDescent="0.2">
      <c r="A124" s="1" t="s">
        <v>603</v>
      </c>
      <c r="B124" s="1" t="s">
        <v>624</v>
      </c>
      <c r="C124" t="s">
        <v>625</v>
      </c>
      <c r="D124" s="1" t="s">
        <v>626</v>
      </c>
      <c r="E124" s="2">
        <v>44015</v>
      </c>
      <c r="F124" s="2">
        <v>44032</v>
      </c>
      <c r="G124" s="1" t="s">
        <v>143</v>
      </c>
      <c r="H124" s="2">
        <v>46265</v>
      </c>
      <c r="I124" s="3">
        <v>49000</v>
      </c>
      <c r="J124" s="1" t="s">
        <v>627</v>
      </c>
      <c r="K124" s="1" t="s">
        <v>628</v>
      </c>
      <c r="L124" s="1" t="s">
        <v>16</v>
      </c>
    </row>
    <row r="125" spans="1:12" x14ac:dyDescent="0.2">
      <c r="A125" s="1" t="s">
        <v>603</v>
      </c>
      <c r="B125" s="1" t="s">
        <v>629</v>
      </c>
      <c r="C125" t="s">
        <v>630</v>
      </c>
      <c r="D125" s="1" t="s">
        <v>631</v>
      </c>
      <c r="E125" s="2">
        <v>45208</v>
      </c>
      <c r="F125" s="2">
        <v>45266</v>
      </c>
      <c r="G125" s="1" t="s">
        <v>632</v>
      </c>
      <c r="H125" s="2">
        <v>46726</v>
      </c>
      <c r="I125" s="3">
        <v>203779.72</v>
      </c>
      <c r="J125" s="1" t="s">
        <v>633</v>
      </c>
      <c r="K125" s="1" t="s">
        <v>634</v>
      </c>
      <c r="L125" s="1" t="s">
        <v>16</v>
      </c>
    </row>
    <row r="126" spans="1:12" x14ac:dyDescent="0.2">
      <c r="A126" s="1" t="s">
        <v>603</v>
      </c>
      <c r="B126" s="1" t="s">
        <v>635</v>
      </c>
      <c r="C126" t="s">
        <v>636</v>
      </c>
      <c r="D126" s="1" t="s">
        <v>637</v>
      </c>
      <c r="E126" s="2">
        <v>43187</v>
      </c>
      <c r="F126" s="2">
        <v>43192</v>
      </c>
      <c r="G126" s="1" t="s">
        <v>182</v>
      </c>
      <c r="H126" s="2">
        <v>46478</v>
      </c>
      <c r="I126" s="3">
        <v>2603956.0299999998</v>
      </c>
      <c r="J126" s="1" t="s">
        <v>638</v>
      </c>
      <c r="K126" s="1" t="s">
        <v>639</v>
      </c>
      <c r="L126" s="1" t="s">
        <v>16</v>
      </c>
    </row>
    <row r="127" spans="1:12" x14ac:dyDescent="0.2">
      <c r="A127" s="1" t="s">
        <v>603</v>
      </c>
      <c r="B127" s="1" t="s">
        <v>640</v>
      </c>
      <c r="C127" t="s">
        <v>641</v>
      </c>
      <c r="D127" s="1" t="s">
        <v>642</v>
      </c>
      <c r="E127" s="2">
        <v>41806</v>
      </c>
      <c r="F127" s="2">
        <v>41848</v>
      </c>
      <c r="G127" s="1" t="s">
        <v>16</v>
      </c>
      <c r="H127" s="2">
        <v>46507</v>
      </c>
      <c r="I127" s="3">
        <v>570000</v>
      </c>
      <c r="J127" s="1" t="s">
        <v>643</v>
      </c>
      <c r="K127" s="1" t="s">
        <v>644</v>
      </c>
      <c r="L127" s="1" t="s">
        <v>477</v>
      </c>
    </row>
    <row r="128" spans="1:12" x14ac:dyDescent="0.2">
      <c r="A128" s="1" t="s">
        <v>603</v>
      </c>
      <c r="B128" s="1" t="s">
        <v>645</v>
      </c>
      <c r="C128" t="s">
        <v>646</v>
      </c>
      <c r="D128" s="1" t="s">
        <v>647</v>
      </c>
      <c r="E128" s="2">
        <v>45593</v>
      </c>
      <c r="F128" s="2">
        <v>45740</v>
      </c>
      <c r="G128" s="1" t="s">
        <v>16</v>
      </c>
      <c r="H128" s="2">
        <v>46477</v>
      </c>
      <c r="I128" s="3">
        <v>73500</v>
      </c>
      <c r="J128" s="1" t="s">
        <v>648</v>
      </c>
      <c r="K128" s="1" t="s">
        <v>649</v>
      </c>
      <c r="L128" s="1" t="s">
        <v>16</v>
      </c>
    </row>
    <row r="129" spans="1:12" x14ac:dyDescent="0.2">
      <c r="A129" s="1" t="s">
        <v>650</v>
      </c>
      <c r="B129" s="1" t="s">
        <v>651</v>
      </c>
      <c r="C129" t="s">
        <v>652</v>
      </c>
      <c r="D129" s="1" t="s">
        <v>174</v>
      </c>
      <c r="E129" s="2">
        <v>44984</v>
      </c>
      <c r="F129" s="2">
        <v>44986</v>
      </c>
      <c r="G129" s="1" t="s">
        <v>16</v>
      </c>
      <c r="H129" s="2">
        <v>46446</v>
      </c>
      <c r="I129" s="3">
        <v>75000</v>
      </c>
      <c r="J129" s="1" t="s">
        <v>653</v>
      </c>
      <c r="K129" s="1" t="s">
        <v>654</v>
      </c>
      <c r="L129" s="1" t="s">
        <v>31</v>
      </c>
    </row>
    <row r="130" spans="1:12" x14ac:dyDescent="0.2">
      <c r="A130" s="1" t="s">
        <v>650</v>
      </c>
      <c r="B130" s="1" t="s">
        <v>655</v>
      </c>
      <c r="C130" t="s">
        <v>652</v>
      </c>
      <c r="D130" s="1" t="s">
        <v>656</v>
      </c>
      <c r="E130" s="2">
        <v>44953</v>
      </c>
      <c r="F130" s="2">
        <v>44986</v>
      </c>
      <c r="G130" s="1" t="s">
        <v>16</v>
      </c>
      <c r="H130" s="2">
        <v>46446</v>
      </c>
      <c r="I130" s="3">
        <v>35000</v>
      </c>
      <c r="J130" s="1" t="s">
        <v>657</v>
      </c>
      <c r="K130" s="1" t="s">
        <v>658</v>
      </c>
      <c r="L130" s="1" t="s">
        <v>31</v>
      </c>
    </row>
    <row r="131" spans="1:12" x14ac:dyDescent="0.2">
      <c r="A131" s="1" t="s">
        <v>659</v>
      </c>
      <c r="B131" s="1" t="s">
        <v>660</v>
      </c>
      <c r="C131" t="s">
        <v>661</v>
      </c>
      <c r="D131" s="1" t="s">
        <v>662</v>
      </c>
      <c r="E131" s="2">
        <v>45565</v>
      </c>
      <c r="F131" s="2">
        <v>45569</v>
      </c>
      <c r="G131" s="1" t="s">
        <v>212</v>
      </c>
      <c r="H131" s="2">
        <v>46663</v>
      </c>
      <c r="I131" s="3">
        <v>12500</v>
      </c>
      <c r="J131" s="1" t="s">
        <v>663</v>
      </c>
      <c r="K131" s="1" t="s">
        <v>664</v>
      </c>
      <c r="L131" s="1" t="s">
        <v>16</v>
      </c>
    </row>
    <row r="132" spans="1:12" x14ac:dyDescent="0.2">
      <c r="A132" s="1" t="s">
        <v>659</v>
      </c>
      <c r="B132" s="1" t="s">
        <v>665</v>
      </c>
      <c r="C132" t="s">
        <v>666</v>
      </c>
      <c r="D132" s="1" t="s">
        <v>667</v>
      </c>
      <c r="E132" s="2">
        <v>39757</v>
      </c>
      <c r="F132" s="2">
        <v>39762</v>
      </c>
      <c r="G132" s="1" t="s">
        <v>143</v>
      </c>
      <c r="H132" s="2">
        <v>47529</v>
      </c>
      <c r="I132" s="3">
        <v>125000</v>
      </c>
      <c r="J132" s="1" t="s">
        <v>668</v>
      </c>
      <c r="K132" s="1" t="s">
        <v>669</v>
      </c>
      <c r="L132" s="1" t="s">
        <v>16</v>
      </c>
    </row>
    <row r="133" spans="1:12" x14ac:dyDescent="0.2">
      <c r="A133" s="1" t="s">
        <v>659</v>
      </c>
      <c r="B133" s="1" t="s">
        <v>670</v>
      </c>
      <c r="C133" t="s">
        <v>671</v>
      </c>
      <c r="D133" s="1" t="s">
        <v>672</v>
      </c>
      <c r="E133" s="2">
        <v>45931</v>
      </c>
      <c r="F133" s="2">
        <v>45931</v>
      </c>
      <c r="G133" s="1" t="s">
        <v>74</v>
      </c>
      <c r="H133" s="2">
        <v>47391</v>
      </c>
      <c r="I133" s="3">
        <v>25000</v>
      </c>
      <c r="J133" s="1" t="s">
        <v>46</v>
      </c>
      <c r="K133" s="1" t="s">
        <v>673</v>
      </c>
      <c r="L133" s="1" t="s">
        <v>31</v>
      </c>
    </row>
    <row r="134" spans="1:12" x14ac:dyDescent="0.2">
      <c r="A134" s="1" t="s">
        <v>674</v>
      </c>
      <c r="B134" s="1" t="s">
        <v>675</v>
      </c>
      <c r="C134" t="s">
        <v>676</v>
      </c>
      <c r="D134" s="1" t="s">
        <v>677</v>
      </c>
      <c r="E134" s="2">
        <v>45775</v>
      </c>
      <c r="F134" s="2">
        <v>45778</v>
      </c>
      <c r="G134" s="1" t="s">
        <v>678</v>
      </c>
      <c r="H134" s="2">
        <v>46873</v>
      </c>
      <c r="I134" s="3">
        <v>45000</v>
      </c>
      <c r="J134" s="1" t="s">
        <v>46</v>
      </c>
      <c r="K134" s="1" t="s">
        <v>679</v>
      </c>
      <c r="L134" s="1" t="s">
        <v>16</v>
      </c>
    </row>
    <row r="135" spans="1:12" x14ac:dyDescent="0.2">
      <c r="A135" s="1" t="s">
        <v>674</v>
      </c>
      <c r="B135" s="1" t="s">
        <v>680</v>
      </c>
      <c r="C135" t="s">
        <v>681</v>
      </c>
      <c r="D135" s="1" t="s">
        <v>682</v>
      </c>
      <c r="E135" s="2">
        <v>44916</v>
      </c>
      <c r="F135" s="2">
        <v>45047</v>
      </c>
      <c r="G135" s="1" t="s">
        <v>683</v>
      </c>
      <c r="H135" s="2">
        <v>46142</v>
      </c>
      <c r="I135" s="3">
        <v>23000</v>
      </c>
      <c r="J135" s="11" t="s">
        <v>684</v>
      </c>
      <c r="K135" s="1" t="s">
        <v>685</v>
      </c>
      <c r="L135" s="1" t="s">
        <v>16</v>
      </c>
    </row>
  </sheetData>
  <pageMargins left="0.7" right="0.7" top="0.75" bottom="0.75" header="0.3" footer="0.3"/>
  <tableParts count="1">
    <tablePart r:id="rId1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SPS document" ma:contentTypeID="0x0101005E5DD8656D982041A2F2278B8806232B0100FB6D022032E69548A4538BD74ADF3818" ma:contentTypeVersion="13" ma:contentTypeDescription="" ma:contentTypeScope="" ma:versionID="65481ee545051d92e57694500c2ac72e">
  <xsd:schema xmlns:xsd="http://www.w3.org/2001/XMLSchema" xmlns:xs="http://www.w3.org/2001/XMLSchema" xmlns:p="http://schemas.microsoft.com/office/2006/metadata/properties" xmlns:ns2="2aae4b3d-89b0-4287-b514-253578f20458" xmlns:ns3="f39a4e3b-9e4c-4167-a3ef-9a9a21a01a91" targetNamespace="http://schemas.microsoft.com/office/2006/metadata/properties" ma:root="true" ma:fieldsID="447ab22409154f5b3e1c076d2f48b206" ns2:_="" ns3:_="">
    <xsd:import namespace="2aae4b3d-89b0-4287-b514-253578f20458"/>
    <xsd:import namespace="f39a4e3b-9e4c-4167-a3ef-9a9a21a01a91"/>
    <xsd:element name="properties">
      <xsd:complexType>
        <xsd:sequence>
          <xsd:element name="documentManagement">
            <xsd:complexType>
              <xsd:all>
                <xsd:element ref="ns2:me0ca972d02b47c28edd321aedd6af02" minOccurs="0"/>
                <xsd:element ref="ns2:TaxCatchAll" minOccurs="0"/>
                <xsd:element ref="ns2:TaxCatchAllLabel" minOccurs="0"/>
                <xsd:element ref="ns2:ha2d3fbb5bda47118db6a0a97a3a64c7" minOccurs="0"/>
                <xsd:element ref="ns2:gd3e280c44c043e38ab992083fd5c2fd" minOccurs="0"/>
                <xsd:element ref="ns3:_dlc_DocId" minOccurs="0"/>
                <xsd:element ref="ns3:_dlc_DocIdUrl" minOccurs="0"/>
                <xsd:element ref="ns3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aae4b3d-89b0-4287-b514-253578f20458" elementFormDefault="qualified">
    <xsd:import namespace="http://schemas.microsoft.com/office/2006/documentManagement/types"/>
    <xsd:import namespace="http://schemas.microsoft.com/office/infopath/2007/PartnerControls"/>
    <xsd:element name="me0ca972d02b47c28edd321aedd6af02" ma:index="8" nillable="true" ma:taxonomy="true" ma:internalName="me0ca972d02b47c28edd321aedd6af02" ma:taxonomyFieldName="Record_x0020_classification" ma:displayName="Record classification" ma:indexed="true" ma:default="14;#Unclassified|381d36ad-23bc-46e4-9776-972bc0abd4b2" ma:fieldId="{6e0ca972-d02b-47c2-8edd-321aedd6af02}" ma:sspId="dae72980-c616-4350-b1f0-944e8da80af3" ma:termSetId="7ce5ed2c-7970-4dad-a989-f36bd51a5ca2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CatchAll" ma:index="9" nillable="true" ma:displayName="Taxonomy Catch All Column" ma:hidden="true" ma:list="{49eb5a65-d866-4ca2-b034-200abc32e5f8}" ma:internalName="TaxCatchAll" ma:showField="CatchAllData" ma:web="f39a4e3b-9e4c-4167-a3ef-9a9a21a01a9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0" nillable="true" ma:displayName="Taxonomy Catch All Column1" ma:hidden="true" ma:list="{49eb5a65-d866-4ca2-b034-200abc32e5f8}" ma:internalName="TaxCatchAllLabel" ma:readOnly="true" ma:showField="CatchAllDataLabel" ma:web="f39a4e3b-9e4c-4167-a3ef-9a9a21a01a9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ha2d3fbb5bda47118db6a0a97a3a64c7" ma:index="12" nillable="true" ma:taxonomy="true" ma:internalName="ha2d3fbb5bda47118db6a0a97a3a64c7" ma:taxonomyFieldName="Security_x0020_marking" ma:displayName="Security marking" ma:default="" ma:fieldId="{1a2d3fbb-5bda-4711-8db6-a0a97a3a64c7}" ma:sspId="dae72980-c616-4350-b1f0-944e8da80af3" ma:termSetId="2101e3b3-ab6a-42f9-8e9e-f64b3905e49a" ma:anchorId="13ac7dcf-f3a2-4d0b-9e80-dd4d34be5e4c" ma:open="false" ma:isKeyword="false">
      <xsd:complexType>
        <xsd:sequence>
          <xsd:element ref="pc:Terms" minOccurs="0" maxOccurs="1"/>
        </xsd:sequence>
      </xsd:complexType>
    </xsd:element>
    <xsd:element name="gd3e280c44c043e38ab992083fd5c2fd" ma:index="14" nillable="true" ma:taxonomy="true" ma:internalName="gd3e280c44c043e38ab992083fd5c2fd" ma:taxonomyFieldName="Security_x0020_caveat" ma:displayName="Security caveat" ma:default="" ma:fieldId="{0d3e280c-44c0-43e3-8ab9-92083fd5c2fd}" ma:taxonomyMulti="true" ma:sspId="dae72980-c616-4350-b1f0-944e8da80af3" ma:termSetId="2101e3b3-ab6a-42f9-8e9e-f64b3905e49a" ma:anchorId="6fc02b3e-bb1c-4c4e-a2fe-3cc73cb9b89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39a4e3b-9e4c-4167-a3ef-9a9a21a01a91" elementFormDefault="qualified">
    <xsd:import namespace="http://schemas.microsoft.com/office/2006/documentManagement/types"/>
    <xsd:import namespace="http://schemas.microsoft.com/office/infopath/2007/PartnerControls"/>
    <xsd:element name="_dlc_DocId" ma:index="16" nillable="true" ma:displayName="Document ID Value" ma:description="The value of the document ID assigned to this item." ma:indexed="true" ma:internalName="_dlc_DocId" ma:readOnly="true">
      <xsd:simpleType>
        <xsd:restriction base="dms:Text"/>
      </xsd:simpleType>
    </xsd:element>
    <xsd:element name="_dlc_DocIdUrl" ma:index="17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8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gd3e280c44c043e38ab992083fd5c2fd xmlns="2aae4b3d-89b0-4287-b514-253578f20458">
      <Terms xmlns="http://schemas.microsoft.com/office/infopath/2007/PartnerControls"/>
    </gd3e280c44c043e38ab992083fd5c2fd>
    <TaxCatchAll xmlns="2aae4b3d-89b0-4287-b514-253578f20458">
      <Value>14</Value>
    </TaxCatchAll>
    <me0ca972d02b47c28edd321aedd6af02 xmlns="2aae4b3d-89b0-4287-b514-253578f20458">
      <Terms xmlns="http://schemas.microsoft.com/office/infopath/2007/PartnerControls">
        <TermInfo xmlns="http://schemas.microsoft.com/office/infopath/2007/PartnerControls">
          <TermName xmlns="http://schemas.microsoft.com/office/infopath/2007/PartnerControls">Unclassified</TermName>
          <TermId xmlns="http://schemas.microsoft.com/office/infopath/2007/PartnerControls">381d36ad-23bc-46e4-9776-972bc0abd4b2</TermId>
        </TermInfo>
      </Terms>
    </me0ca972d02b47c28edd321aedd6af02>
    <ha2d3fbb5bda47118db6a0a97a3a64c7 xmlns="2aae4b3d-89b0-4287-b514-253578f20458">
      <Terms xmlns="http://schemas.microsoft.com/office/infopath/2007/PartnerControls"/>
    </ha2d3fbb5bda47118db6a0a97a3a64c7>
    <_dlc_DocId xmlns="f39a4e3b-9e4c-4167-a3ef-9a9a21a01a91">PROCURE-1981187220-22857</_dlc_DocId>
    <_dlc_DocIdUrl xmlns="f39a4e3b-9e4c-4167-a3ef-9a9a21a01a91">
      <Url>https://scottish4.sharepoint.com/sites/office-procurement/_layouts/15/DocIdRedir.aspx?ID=PROCURE-1981187220-22857</Url>
      <Description>PROCURE-1981187220-22857</Description>
    </_dlc_DocIdUrl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5.xml><?xml version="1.0" encoding="utf-8"?>
<?mso-contentType ?>
<SharedContentType xmlns="Microsoft.SharePoint.Taxonomy.ContentTypeSync" SourceId="dae72980-c616-4350-b1f0-944e8da80af3" ContentTypeId="0x0101005E5DD8656D982041A2F2278B8806232B01" PreviousValue="false"/>
</file>

<file path=customXml/itemProps1.xml><?xml version="1.0" encoding="utf-8"?>
<ds:datastoreItem xmlns:ds="http://schemas.openxmlformats.org/officeDocument/2006/customXml" ds:itemID="{9121167C-1C1F-4D36-BC56-A685C4F8A12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aae4b3d-89b0-4287-b514-253578f20458"/>
    <ds:schemaRef ds:uri="f39a4e3b-9e4c-4167-a3ef-9a9a21a01a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7EDC500-BBEB-4C14-8CED-7AF80C36AE22}">
  <ds:schemaRefs>
    <ds:schemaRef ds:uri="http://purl.org/dc/elements/1.1/"/>
    <ds:schemaRef ds:uri="http://schemas.microsoft.com/office/2006/metadata/properties"/>
    <ds:schemaRef ds:uri="http://purl.org/dc/terms/"/>
    <ds:schemaRef ds:uri="2aae4b3d-89b0-4287-b514-253578f20458"/>
    <ds:schemaRef ds:uri="http://schemas.microsoft.com/office/2006/documentManagement/types"/>
    <ds:schemaRef ds:uri="http://purl.org/dc/dcmitype/"/>
    <ds:schemaRef ds:uri="http://schemas.microsoft.com/office/infopath/2007/PartnerControls"/>
    <ds:schemaRef ds:uri="http://schemas.openxmlformats.org/package/2006/metadata/core-properties"/>
    <ds:schemaRef ds:uri="f39a4e3b-9e4c-4167-a3ef-9a9a21a01a91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FDCF3A52-AA31-4E9C-B510-7FE423CEC8A0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3B9F408C-32A3-40B5-9684-971FA494C47F}">
  <ds:schemaRefs>
    <ds:schemaRef ds:uri="http://schemas.microsoft.com/sharepoint/events"/>
  </ds:schemaRefs>
</ds:datastoreItem>
</file>

<file path=customXml/itemProps5.xml><?xml version="1.0" encoding="utf-8"?>
<ds:datastoreItem xmlns:ds="http://schemas.openxmlformats.org/officeDocument/2006/customXml" ds:itemID="{900DF858-62D8-41B9-87D7-5CA2FAC90FB9}">
  <ds:schemaRefs>
    <ds:schemaRef ds:uri="Microsoft.SharePoint.Taxonomy.ContentTypeSync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ontract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rown CA (Chris)</dc:creator>
  <cp:keywords/>
  <dc:description/>
  <cp:lastModifiedBy>Brown CA (Chris)</cp:lastModifiedBy>
  <cp:revision/>
  <dcterms:created xsi:type="dcterms:W3CDTF">2026-03-23T10:27:50Z</dcterms:created>
  <dcterms:modified xsi:type="dcterms:W3CDTF">2026-03-30T11:39:20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E5DD8656D982041A2F2278B8806232B0100FB6D022032E69548A4538BD74ADF3818</vt:lpwstr>
  </property>
  <property fmtid="{D5CDD505-2E9C-101B-9397-08002B2CF9AE}" pid="3" name="Record_x0020_classification">
    <vt:lpwstr>14;#Unclassified|381d36ad-23bc-46e4-9776-972bc0abd4b2</vt:lpwstr>
  </property>
  <property fmtid="{D5CDD505-2E9C-101B-9397-08002B2CF9AE}" pid="4" name="MediaServiceImageTags">
    <vt:lpwstr/>
  </property>
  <property fmtid="{D5CDD505-2E9C-101B-9397-08002B2CF9AE}" pid="5" name="Security_x0020_caveat">
    <vt:lpwstr/>
  </property>
  <property fmtid="{D5CDD505-2E9C-101B-9397-08002B2CF9AE}" pid="6" name="Security_x0020_marking">
    <vt:lpwstr/>
  </property>
  <property fmtid="{D5CDD505-2E9C-101B-9397-08002B2CF9AE}" pid="7" name="lcf76f155ced4ddcb4097134ff3c332f">
    <vt:lpwstr/>
  </property>
  <property fmtid="{D5CDD505-2E9C-101B-9397-08002B2CF9AE}" pid="8" name="Record classification">
    <vt:lpwstr>14;#Unclassified|381d36ad-23bc-46e4-9776-972bc0abd4b2</vt:lpwstr>
  </property>
  <property fmtid="{D5CDD505-2E9C-101B-9397-08002B2CF9AE}" pid="9" name="Security caveat">
    <vt:lpwstr/>
  </property>
  <property fmtid="{D5CDD505-2E9C-101B-9397-08002B2CF9AE}" pid="10" name="Security marking">
    <vt:lpwstr/>
  </property>
  <property fmtid="{D5CDD505-2E9C-101B-9397-08002B2CF9AE}" pid="11" name="_dlc_DocIdItemGuid">
    <vt:lpwstr>74105f94-06a1-4c21-b982-4339cc92f6fa</vt:lpwstr>
  </property>
</Properties>
</file>